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824A2CC0-0A5C-4578-AC4E-12516C958D80}"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07" uniqueCount="616">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Victoria</t>
  </si>
  <si>
    <t>Regional Victoria</t>
  </si>
  <si>
    <t>Barwon South West (RDA)</t>
  </si>
  <si>
    <t>Colac Otway &amp; Surf Coast (LGAs)</t>
  </si>
  <si>
    <t>Corangamite, Moyne &amp; Warrnambool (LGAs)</t>
  </si>
  <si>
    <t>Glenelg &amp; Southern Grampians (LGAs)</t>
  </si>
  <si>
    <t>Greater Geelong &amp; Queenscliffe (LGAs)</t>
  </si>
  <si>
    <t>Grampians (RDA)</t>
  </si>
  <si>
    <t>Ararat, Horsham, Northern Grampians &amp; Pyrenees (LGAs)</t>
  </si>
  <si>
    <t>Ballarat &amp; Golden Plains (LGAs)</t>
  </si>
  <si>
    <t>Hepburn &amp; Moorabool (LGAs)</t>
  </si>
  <si>
    <t>Hindmarsh, West Wimmera &amp; Yarriambiack (LGAs)</t>
  </si>
  <si>
    <t>Loddon Mallee (RDA)</t>
  </si>
  <si>
    <t>Buloke &amp; Swan Hill (LGAs)</t>
  </si>
  <si>
    <t>Campaspe (LGA)</t>
  </si>
  <si>
    <t>Central Goldfields, Macedon Ranges &amp; Mount Alexander (LGAs)</t>
  </si>
  <si>
    <t>Gannawarra &amp; Loddon (LGAs)</t>
  </si>
  <si>
    <t>Greater Bendigo (LGA)</t>
  </si>
  <si>
    <t>Mildura (LGA)</t>
  </si>
  <si>
    <t>About the region: Western Victoria</t>
  </si>
  <si>
    <t xml:space="preserve">Ararat, Horsham, Northern Grampians &amp; Pyrenees are LGAs located in the west of Victoria. In total, 113 people who live in these LGAs took part in the 2018 Regional Wellbeing Survey. </t>
  </si>
  <si>
    <t xml:space="preserve">Ballarat &amp; Golden Plains are LGAs located in the central part of Victoria. In total, 95 people who live in these LGAs took part in the 2018 Regional Wellbeing Survey. </t>
  </si>
  <si>
    <t xml:space="preserve">Hepburn &amp; Moorabool are LGAs located in the central part of Victoria. In total, 77 people who live in these LGAs took part in the 2018 Regional Wellbeing Survey. </t>
  </si>
  <si>
    <t>Campaspe is an LGA located in the north of Victoria. In total, 147 people who live in this LGA took part in the 2018 Regional Wellbeing Survey.</t>
  </si>
  <si>
    <t>Mildura is an LGA located in the north west of Victoria. In total, 69 people who live in this LGA took part in the 2018 Regional Wellbeing Survey.</t>
  </si>
  <si>
    <t xml:space="preserve">The Barwon South West region is a Regional Development Australia region located in the south west of Victoria. The region includes the local government areas (LGAs) of Colac Otway, Corangamite, Greater Geelong, Glenelg, Moyne, Queenscliffe, Southern Grampians, Surf Coast and Warrnambool. In total, 492 people who live in this region took part in the 2018 Regional Wellbeing Survey. </t>
  </si>
  <si>
    <t xml:space="preserve">Colac Otway &amp; Surf Coast are LGAs located in the south of Victoria. In total, 89 people who live in these LGAs took part in the 2018 Regional Wellbeing Survey. </t>
  </si>
  <si>
    <t xml:space="preserve">Corangamite, Moyne &amp; Warrnambool are LGAs located in the south west of Victoria. In total, 140 people who live in these LGAs took part in the 2018 Regional Wellbeing Survey. </t>
  </si>
  <si>
    <t xml:space="preserve">Glenelg &amp; Southern Grampians are LGAs located in the south west of Victoria. In total, 108 people who live in these LGAs took part in the 2018 Regional Wellbeing Survey. </t>
  </si>
  <si>
    <t xml:space="preserve">Greater Geelong &amp; Queenscliffe are LGAs located in the south of Victoria. In total, 155 people who live in these LGAs took part in the 2018 Regional Wellbeing Survey. </t>
  </si>
  <si>
    <t xml:space="preserve">The Grampians region is a Regional Development Australia region located in the west of Victoria. The region includes the local government areas (LGAs) of Ararat, Ballarat, Golden Plains, Hepburn, Hindmarsh, Horsham, Moorabool, Northern Grampians, Pyrenees, West Wimmera and Yarriambiack. In total, 342 people who live in this region took part in the 2018 Regional Wellbeing Survey. </t>
  </si>
  <si>
    <t xml:space="preserve">Hindmarsh, West Wimmera &amp; Yarriambiack are LGAs located in the west of Victoria. In total, 57 people who live in these LGAs took part in the 2018 Regional Wellbeing Survey. </t>
  </si>
  <si>
    <t xml:space="preserve">The Loddon Mallee region is a Regional Development Australia region located in the north west of Victoria. The region includes the local government areas (LGAs) of Buloke, Campaspe, Central Goldfields, Gannawarra, Greater Bendigo, Loddon, Macedon Ranges, Mildura, Mount Alexander and Swan Hill. In total, 643 people who live in this region took part in the 2018 Regional Wellbeing Survey. </t>
  </si>
  <si>
    <t xml:space="preserve">Buloke &amp; Swan Hill are LGAs located in the north west of Victoria. In total, 67 people who live in these LGAs took part in the 2018 Regional Wellbeing Survey. </t>
  </si>
  <si>
    <t xml:space="preserve">Central Goldfields, Macedon Ranges &amp; Mount Alexander are LGAs located in the central part of Victoria. In total, 165 people who live in these LGAs took part in the 2018 Regional Wellbeing Survey. </t>
  </si>
  <si>
    <t xml:space="preserve">Gannawarra &amp; Loddon are LGAs located in the north of Victoria. In total, 72 people who live in these LGAs took part in the 2018 Regional Wellbeing Survey. </t>
  </si>
  <si>
    <t>Greater Bendigo is an LGA located in the central part of Victoria. In total, 123 people who live in this LGA took part in the 2018 Regional Wellbeing Survey.</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 residents who rated access as a problem</t>
  </si>
  <si>
    <t>Measured using a reversed scale from 1 (strongly agree) to 7 (strongly disagree)</t>
  </si>
  <si>
    <t xml:space="preserve">Confidence interval for % who  disagree </t>
  </si>
  <si>
    <t>Measured using a reversed scale from 1 (very big problem) to 7 (not a problem)</t>
  </si>
  <si>
    <t>Lack of affordable food/groceries at local shops
(Measured 'not a problem' (1) to 'very big problem' (7))</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This file provides data from the 2018 Regional Wellbeing Survey for Western Victoria (VIC).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Victoria; (v) regional Victoria; and (vi) the Regional Development Australia (RDA) regions of Barwon South West, Grampians and Loddon Mallee.</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Victoria includes all of Victoria including the large metropolitan areas of Melbourne and surrounding suburban areas. In total, 3,250 people from Victoria took part in the 2018 Regional Wellbeing Survey, although not all these people answered every question on the survey.</t>
  </si>
  <si>
    <t>Regional Victoria includes all of Victoria except the large metropolitan areas of Melbourne, and surrounding suburban areas. In total, 2,532 people who live in regional Victoria took part in the 2018 Regional Wellbeing Survey, although not all these people answered every question on the survey. A total of 718 living in urban areas are excluded when reporting for regional Victoria in these data tables.</t>
  </si>
  <si>
    <t xml:space="preserve">You may reproduce the data in this spreadsheet for any purpose, providing you acknowledge the data source. Data should be cited as being sourced from the 2018 Regional Wellbeing Survey, Western Victoria,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6">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6" fillId="5" borderId="1" xfId="29" quotePrefix="1" applyFont="1" applyFill="1" applyBorder="1" applyAlignment="1">
      <alignment horizontal="left" vertical="top" wrapText="1"/>
    </xf>
    <xf numFmtId="0" fontId="27" fillId="3" borderId="0" xfId="0" applyFont="1" applyFill="1" applyAlignment="1">
      <alignment vertical="top" wrapText="1"/>
    </xf>
    <xf numFmtId="0" fontId="26" fillId="3" borderId="0" xfId="0" applyFont="1" applyFill="1" applyAlignment="1">
      <alignment vertical="top" wrapText="1"/>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7" fillId="3" borderId="0" xfId="0" applyFont="1" applyFill="1" applyBorder="1" applyAlignment="1">
      <alignment wrapText="1"/>
    </xf>
    <xf numFmtId="0" fontId="26" fillId="3" borderId="0" xfId="0" applyFont="1" applyFill="1" applyAlignment="1">
      <alignment vertical="center" wrapText="1"/>
    </xf>
    <xf numFmtId="0" fontId="27" fillId="2" borderId="0" xfId="0" applyFont="1" applyFill="1" applyAlignment="1">
      <alignment wrapText="1"/>
    </xf>
    <xf numFmtId="0" fontId="16" fillId="5" borderId="6" xfId="23" applyFont="1" applyFill="1" applyBorder="1" applyAlignment="1">
      <alignment vertical="top" wrapText="1"/>
    </xf>
    <xf numFmtId="0" fontId="15" fillId="0" borderId="0" xfId="3" quotePrefix="1" applyFont="1" applyAlignment="1">
      <alignment vertical="top" wrapText="1"/>
    </xf>
    <xf numFmtId="165" fontId="20" fillId="0" borderId="1" xfId="32" applyNumberFormat="1" applyFont="1" applyBorder="1" applyAlignment="1">
      <alignment horizontal="left" vertical="center"/>
    </xf>
    <xf numFmtId="168" fontId="20" fillId="0" borderId="1" xfId="25" applyNumberFormat="1" applyFont="1" applyBorder="1" applyAlignment="1">
      <alignment horizontal="left" vertical="center"/>
    </xf>
    <xf numFmtId="168" fontId="22" fillId="0" borderId="1" xfId="25" applyNumberFormat="1" applyFont="1" applyBorder="1" applyAlignment="1">
      <alignment horizontal="left" vertical="center"/>
    </xf>
    <xf numFmtId="164" fontId="20" fillId="0" borderId="1" xfId="32" applyNumberFormat="1" applyFont="1" applyBorder="1" applyAlignment="1">
      <alignment horizontal="left" vertical="center"/>
    </xf>
    <xf numFmtId="167" fontId="22" fillId="0" borderId="1" xfId="0" applyNumberFormat="1" applyFont="1" applyBorder="1" applyAlignment="1">
      <alignment horizontal="left" vertical="center" wrapText="1"/>
    </xf>
    <xf numFmtId="0" fontId="20" fillId="0" borderId="1" xfId="24" applyFont="1" applyBorder="1" applyAlignment="1">
      <alignment horizontal="left" vertical="center" wrapText="1"/>
    </xf>
    <xf numFmtId="165" fontId="20" fillId="0" borderId="1" xfId="24" applyNumberFormat="1" applyFont="1" applyBorder="1" applyAlignment="1">
      <alignment horizontal="left" vertical="center"/>
    </xf>
    <xf numFmtId="165" fontId="20" fillId="0" borderId="1" xfId="19" applyNumberFormat="1" applyFont="1" applyBorder="1" applyAlignment="1">
      <alignment horizontal="left" vertical="center"/>
    </xf>
    <xf numFmtId="165" fontId="20" fillId="0" borderId="1" xfId="20" applyNumberFormat="1" applyFont="1" applyBorder="1" applyAlignment="1">
      <alignment horizontal="left" vertical="center"/>
    </xf>
    <xf numFmtId="164" fontId="20" fillId="0" borderId="1" xfId="20" applyNumberFormat="1" applyFont="1" applyBorder="1" applyAlignment="1">
      <alignment horizontal="left" vertical="center"/>
    </xf>
    <xf numFmtId="0" fontId="0" fillId="3" borderId="0" xfId="0" quotePrefix="1" applyFill="1"/>
    <xf numFmtId="0" fontId="0" fillId="3" borderId="0" xfId="0" applyFill="1"/>
    <xf numFmtId="0" fontId="8" fillId="3" borderId="0" xfId="0" applyFont="1" applyFill="1" applyAlignment="1">
      <alignment horizontal="left"/>
    </xf>
    <xf numFmtId="0" fontId="8" fillId="3" borderId="0" xfId="0" applyFont="1" applyFill="1"/>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4" fillId="4" borderId="0" xfId="0" applyFont="1" applyFill="1" applyBorder="1" applyAlignment="1">
      <alignment vertical="top"/>
    </xf>
    <xf numFmtId="0" fontId="15" fillId="0" borderId="2" xfId="5" quotePrefix="1" applyFont="1" applyBorder="1" applyAlignment="1">
      <alignment vertical="top" wrapText="1"/>
    </xf>
    <xf numFmtId="0" fontId="14" fillId="4" borderId="0" xfId="0" applyFont="1" applyFill="1" applyBorder="1" applyAlignment="1">
      <alignment horizontal="left" vertical="top"/>
    </xf>
    <xf numFmtId="0" fontId="15" fillId="0" borderId="2" xfId="5" quotePrefix="1" applyFont="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29" quotePrefix="1" applyFont="1" applyBorder="1" applyAlignment="1">
      <alignment horizontal="left" vertical="top" wrapText="1"/>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9" quotePrefix="1" applyFont="1" applyAlignment="1">
      <alignment horizontal="left" vertical="top" wrapText="1"/>
    </xf>
    <xf numFmtId="167" fontId="14" fillId="4" borderId="0" xfId="0" applyNumberFormat="1" applyFont="1" applyFill="1" applyBorder="1" applyAlignment="1">
      <alignment horizontal="left" vertical="top"/>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6" fillId="5" borderId="3" xfId="26" applyFont="1" applyFill="1" applyBorder="1" applyAlignment="1">
      <alignment horizontal="left" vertical="top"/>
    </xf>
    <xf numFmtId="0" fontId="15" fillId="0" borderId="0" xfId="2" quotePrefix="1" applyFont="1" applyAlignment="1">
      <alignment horizontal="left" vertical="top" wrapText="1"/>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30" fillId="0" borderId="2" xfId="2" quotePrefix="1" applyFont="1" applyBorder="1" applyAlignment="1">
      <alignment horizontal="left" vertical="top" wrapText="1"/>
    </xf>
    <xf numFmtId="0" fontId="15" fillId="0" borderId="0" xfId="2" applyFont="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0" applyFont="1" applyFill="1" applyBorder="1" applyAlignment="1">
      <alignment horizontal="left" vertical="top" wrapText="1"/>
    </xf>
    <xf numFmtId="0" fontId="16" fillId="5" borderId="1" xfId="0" applyFont="1" applyFill="1" applyBorder="1" applyAlignment="1">
      <alignment horizontal="left" vertical="top"/>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7" xfId="23"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applyFont="1" applyFill="1" applyBorder="1" applyAlignment="1">
      <alignment horizontal="left" vertical="top"/>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2" xfId="3"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5" fillId="0" borderId="0" xfId="3" quotePrefix="1" applyFont="1" applyAlignment="1">
      <alignment horizontal="left" vertical="top" wrapText="1"/>
    </xf>
    <xf numFmtId="0" fontId="14" fillId="4" borderId="0" xfId="0" applyFont="1" applyFill="1" applyBorder="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431798</xdr:colOff>
      <xdr:row>34</xdr:row>
      <xdr:rowOff>180974</xdr:rowOff>
    </xdr:to>
    <xdr:pic>
      <xdr:nvPicPr>
        <xdr:cNvPr id="4" name="Picture 3">
          <a:extLst>
            <a:ext uri="{FF2B5EF4-FFF2-40B4-BE49-F238E27FC236}">
              <a16:creationId xmlns:a16="http://schemas.microsoft.com/office/drawing/2014/main" id="{16253767-48AF-4720-86D7-C64B54EEDBD9}"/>
            </a:ext>
          </a:extLst>
        </xdr:cNvPr>
        <xdr:cNvPicPr>
          <a:picLocks noChangeAspect="1"/>
        </xdr:cNvPicPr>
      </xdr:nvPicPr>
      <xdr:blipFill>
        <a:blip xmlns:r="http://schemas.openxmlformats.org/officeDocument/2006/relationships" r:embed="rId1"/>
        <a:stretch>
          <a:fillRect/>
        </a:stretch>
      </xdr:blipFill>
      <xdr:spPr>
        <a:xfrm>
          <a:off x="0" y="0"/>
          <a:ext cx="12242798" cy="688657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V1" sqref="V1"/>
    </sheetView>
  </sheetViews>
  <sheetFormatPr defaultColWidth="8.85546875" defaultRowHeight="15"/>
  <cols>
    <col min="1" max="16384" width="8.85546875" style="2"/>
  </cols>
  <sheetData>
    <row r="1" spans="11:19" ht="23.25">
      <c r="Q1" s="223"/>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2"/>
  <sheetViews>
    <sheetView zoomScaleNormal="100" workbookViewId="0"/>
  </sheetViews>
  <sheetFormatPr defaultColWidth="18.5703125" defaultRowHeight="15"/>
  <cols>
    <col min="1" max="1" width="52.42578125" customWidth="1"/>
  </cols>
  <sheetData>
    <row r="1" spans="1:4" ht="31.5">
      <c r="A1" s="30" t="s">
        <v>44</v>
      </c>
    </row>
    <row r="3" spans="1:4" ht="18.75">
      <c r="A3" s="336" t="s">
        <v>12</v>
      </c>
      <c r="B3" s="336"/>
      <c r="C3" s="336"/>
      <c r="D3" s="336"/>
    </row>
    <row r="4" spans="1:4" ht="105" customHeight="1">
      <c r="A4" s="389" t="s">
        <v>393</v>
      </c>
      <c r="B4" s="389"/>
      <c r="C4" s="389"/>
      <c r="D4" s="389"/>
    </row>
    <row r="5" spans="1:4" ht="42" customHeight="1">
      <c r="A5" s="402" t="s">
        <v>129</v>
      </c>
      <c r="B5" s="402"/>
      <c r="C5" s="402"/>
      <c r="D5" s="402"/>
    </row>
    <row r="6" spans="1:4" ht="36.75" customHeight="1">
      <c r="A6" s="32" t="s">
        <v>71</v>
      </c>
      <c r="B6" s="33" t="s">
        <v>72</v>
      </c>
      <c r="C6" s="34" t="s">
        <v>588</v>
      </c>
      <c r="D6" s="35" t="s">
        <v>73</v>
      </c>
    </row>
    <row r="7" spans="1:4" ht="75.75" customHeight="1">
      <c r="A7" s="36"/>
      <c r="B7" s="37" t="s">
        <v>74</v>
      </c>
      <c r="C7" s="123" t="s">
        <v>130</v>
      </c>
      <c r="D7" s="39" t="s">
        <v>76</v>
      </c>
    </row>
    <row r="8" spans="1:4">
      <c r="A8" s="40" t="s">
        <v>349</v>
      </c>
      <c r="B8" s="173">
        <v>13948</v>
      </c>
      <c r="C8" s="79">
        <v>4.3597467015894189</v>
      </c>
      <c r="D8" s="80">
        <v>2.1353460682569127E-2</v>
      </c>
    </row>
    <row r="9" spans="1:4">
      <c r="A9" s="44" t="s">
        <v>350</v>
      </c>
      <c r="B9" s="44">
        <v>10229</v>
      </c>
      <c r="C9" s="175">
        <v>4.4106820270049285</v>
      </c>
      <c r="D9" s="127">
        <v>2.4717745520724196E-2</v>
      </c>
    </row>
    <row r="10" spans="1:4">
      <c r="A10" s="40" t="s">
        <v>351</v>
      </c>
      <c r="B10" s="48">
        <v>3719</v>
      </c>
      <c r="C10" s="79">
        <v>4.3184386492961995</v>
      </c>
      <c r="D10" s="80">
        <v>4.2072624713376271E-2</v>
      </c>
    </row>
    <row r="11" spans="1:4">
      <c r="A11" s="44" t="s">
        <v>533</v>
      </c>
      <c r="B11" s="44">
        <v>3209</v>
      </c>
      <c r="C11" s="175">
        <v>4.4733783201593722</v>
      </c>
      <c r="D11" s="127">
        <v>4.3056256009352277E-2</v>
      </c>
    </row>
    <row r="12" spans="1:4">
      <c r="A12" s="40" t="s">
        <v>534</v>
      </c>
      <c r="B12" s="48">
        <v>2522</v>
      </c>
      <c r="C12" s="79">
        <v>4.6043499374241419</v>
      </c>
      <c r="D12" s="80">
        <v>4.7844549296363531E-2</v>
      </c>
    </row>
    <row r="13" spans="1:4">
      <c r="A13" s="44" t="s">
        <v>535</v>
      </c>
      <c r="B13" s="44">
        <v>489</v>
      </c>
      <c r="C13" s="175">
        <v>4.7183483177954697</v>
      </c>
      <c r="D13" s="127">
        <v>0.10282950507845508</v>
      </c>
    </row>
    <row r="14" spans="1:4">
      <c r="A14" s="40" t="s">
        <v>536</v>
      </c>
      <c r="B14" s="48">
        <v>89</v>
      </c>
      <c r="C14" s="79">
        <v>4.5776099385661579</v>
      </c>
      <c r="D14" s="80">
        <v>0.22608881959843358</v>
      </c>
    </row>
    <row r="15" spans="1:4">
      <c r="A15" s="44" t="s">
        <v>537</v>
      </c>
      <c r="B15" s="44">
        <v>140</v>
      </c>
      <c r="C15" s="175">
        <v>4.7695846605150072</v>
      </c>
      <c r="D15" s="127">
        <v>0.19102017127866813</v>
      </c>
    </row>
    <row r="16" spans="1:4">
      <c r="A16" s="40" t="s">
        <v>538</v>
      </c>
      <c r="B16" s="48">
        <v>107</v>
      </c>
      <c r="C16" s="79">
        <v>4.6681882631891991</v>
      </c>
      <c r="D16" s="80">
        <v>0.20249826539880006</v>
      </c>
    </row>
    <row r="17" spans="1:25">
      <c r="A17" s="44" t="s">
        <v>539</v>
      </c>
      <c r="B17" s="44">
        <v>153</v>
      </c>
      <c r="C17" s="175">
        <v>4.7677833868227131</v>
      </c>
      <c r="D17" s="127">
        <v>0.19973040887513963</v>
      </c>
    </row>
    <row r="18" spans="1:25">
      <c r="A18" s="40" t="s">
        <v>540</v>
      </c>
      <c r="B18" s="173">
        <v>341</v>
      </c>
      <c r="C18" s="79">
        <v>4.6425137322797267</v>
      </c>
      <c r="D18" s="80">
        <v>0.1335541244645112</v>
      </c>
    </row>
    <row r="19" spans="1:25">
      <c r="A19" s="44" t="s">
        <v>541</v>
      </c>
      <c r="B19" s="174">
        <v>113</v>
      </c>
      <c r="C19" s="175">
        <v>4.602736980063626</v>
      </c>
      <c r="D19" s="127">
        <v>0.22445988112181886</v>
      </c>
    </row>
    <row r="20" spans="1:25">
      <c r="A20" s="40" t="s">
        <v>542</v>
      </c>
      <c r="B20" s="78">
        <v>94</v>
      </c>
      <c r="C20" s="79">
        <v>4.7409921262565131</v>
      </c>
      <c r="D20" s="80">
        <v>0.25564373353559638</v>
      </c>
      <c r="P20" s="238"/>
      <c r="Q20" s="238"/>
      <c r="R20" s="238"/>
      <c r="S20" s="238"/>
      <c r="T20" s="238"/>
      <c r="U20" s="238"/>
      <c r="V20" s="238"/>
      <c r="W20" s="238"/>
      <c r="X20" s="238"/>
      <c r="Y20" s="238"/>
    </row>
    <row r="21" spans="1:25">
      <c r="A21" s="44" t="s">
        <v>543</v>
      </c>
      <c r="B21" s="174">
        <v>77</v>
      </c>
      <c r="C21" s="175">
        <v>4.6886695329628898</v>
      </c>
      <c r="D21" s="127">
        <v>0.27937681362646011</v>
      </c>
      <c r="P21" s="238"/>
      <c r="Q21" s="238"/>
      <c r="R21" s="238"/>
      <c r="S21" s="238"/>
      <c r="T21" s="238"/>
      <c r="U21" s="238"/>
      <c r="V21" s="238"/>
      <c r="W21" s="238"/>
      <c r="X21" s="238"/>
      <c r="Y21" s="238"/>
    </row>
    <row r="22" spans="1:25">
      <c r="A22" s="52" t="s">
        <v>544</v>
      </c>
      <c r="B22" s="173">
        <v>57</v>
      </c>
      <c r="C22" s="79">
        <v>4.4134920423997714</v>
      </c>
      <c r="D22" s="80">
        <v>0.34627320601423778</v>
      </c>
      <c r="P22" s="238"/>
      <c r="Q22" s="238"/>
      <c r="R22" s="238"/>
      <c r="S22" s="238"/>
      <c r="T22" s="238"/>
      <c r="U22" s="238"/>
      <c r="V22" s="238"/>
      <c r="W22" s="238"/>
      <c r="X22" s="238"/>
      <c r="Y22" s="238"/>
    </row>
    <row r="23" spans="1:25">
      <c r="A23" s="44" t="s">
        <v>545</v>
      </c>
      <c r="B23" s="174">
        <v>639</v>
      </c>
      <c r="C23" s="175">
        <v>4.5240425215561633</v>
      </c>
      <c r="D23" s="127">
        <v>9.6098618509926584E-2</v>
      </c>
      <c r="P23" s="238"/>
      <c r="Q23" s="238"/>
      <c r="R23" s="238"/>
      <c r="S23" s="238"/>
      <c r="T23" s="238"/>
      <c r="U23" s="238"/>
      <c r="V23" s="238"/>
      <c r="W23" s="238"/>
      <c r="X23" s="238"/>
      <c r="Y23" s="238"/>
    </row>
    <row r="24" spans="1:25">
      <c r="A24" s="52" t="s">
        <v>546</v>
      </c>
      <c r="B24" s="173">
        <v>67</v>
      </c>
      <c r="C24" s="79">
        <v>4.6125785544251929</v>
      </c>
      <c r="D24" s="80">
        <v>0.28539272842516539</v>
      </c>
      <c r="P24" s="238"/>
      <c r="Q24" s="238"/>
      <c r="R24" s="238"/>
      <c r="S24" s="238"/>
      <c r="T24" s="238"/>
      <c r="U24" s="238"/>
      <c r="V24" s="238"/>
      <c r="W24" s="238"/>
      <c r="X24" s="238"/>
      <c r="Y24" s="238"/>
    </row>
    <row r="25" spans="1:25">
      <c r="A25" s="44" t="s">
        <v>547</v>
      </c>
      <c r="B25" s="174">
        <v>147</v>
      </c>
      <c r="C25" s="175">
        <v>4.4124060639063574</v>
      </c>
      <c r="D25" s="127">
        <v>0.20894328771254783</v>
      </c>
      <c r="P25" s="238"/>
      <c r="Q25" s="238"/>
      <c r="R25" s="238"/>
      <c r="S25" s="238"/>
      <c r="T25" s="238"/>
      <c r="U25" s="238"/>
      <c r="V25" s="238"/>
      <c r="W25" s="238"/>
      <c r="X25" s="238"/>
      <c r="Y25" s="238"/>
    </row>
    <row r="26" spans="1:25">
      <c r="A26" s="52" t="s">
        <v>548</v>
      </c>
      <c r="B26" s="173">
        <v>163</v>
      </c>
      <c r="C26" s="79">
        <v>4.5852414874388385</v>
      </c>
      <c r="D26" s="80">
        <v>0.19147085769570338</v>
      </c>
      <c r="P26" s="238"/>
      <c r="Q26" s="238"/>
      <c r="R26" s="238"/>
      <c r="S26" s="238"/>
      <c r="T26" s="238"/>
      <c r="U26" s="238"/>
      <c r="V26" s="238"/>
      <c r="W26" s="238"/>
      <c r="X26" s="238"/>
      <c r="Y26" s="238"/>
    </row>
    <row r="27" spans="1:25">
      <c r="A27" s="44" t="s">
        <v>549</v>
      </c>
      <c r="B27" s="174">
        <v>72</v>
      </c>
      <c r="C27" s="175">
        <v>4.0651225488435827</v>
      </c>
      <c r="D27" s="127">
        <v>0.2990821142960422</v>
      </c>
      <c r="P27" s="238"/>
      <c r="Q27" s="238"/>
      <c r="R27" s="238"/>
      <c r="S27" s="238"/>
      <c r="T27" s="238"/>
      <c r="U27" s="238"/>
      <c r="V27" s="238"/>
      <c r="W27" s="238"/>
      <c r="X27" s="238"/>
      <c r="Y27" s="238"/>
    </row>
    <row r="28" spans="1:25">
      <c r="A28" s="52" t="s">
        <v>550</v>
      </c>
      <c r="B28" s="173">
        <v>121</v>
      </c>
      <c r="C28" s="79">
        <v>4.6414565969296344</v>
      </c>
      <c r="D28" s="80">
        <v>0.19161071689382655</v>
      </c>
      <c r="P28" s="238"/>
      <c r="Q28" s="238"/>
      <c r="R28" s="238"/>
      <c r="S28" s="238"/>
      <c r="T28" s="238"/>
      <c r="U28" s="238"/>
      <c r="V28" s="238"/>
      <c r="W28" s="238"/>
      <c r="X28" s="238"/>
      <c r="Y28" s="238"/>
    </row>
    <row r="29" spans="1:25">
      <c r="A29" s="44" t="s">
        <v>551</v>
      </c>
      <c r="B29" s="174">
        <v>69</v>
      </c>
      <c r="C29" s="175">
        <v>4.5184003062364919</v>
      </c>
      <c r="D29" s="127">
        <v>0.31743697873293164</v>
      </c>
      <c r="P29" s="238"/>
      <c r="Q29" s="238"/>
      <c r="R29" s="238"/>
      <c r="S29" s="238"/>
      <c r="T29" s="238"/>
      <c r="U29" s="238"/>
      <c r="V29" s="238"/>
      <c r="W29" s="238"/>
      <c r="X29" s="238"/>
      <c r="Y29" s="238"/>
    </row>
    <row r="30" spans="1:25">
      <c r="P30" s="238"/>
      <c r="Q30" s="238"/>
      <c r="R30" s="238"/>
      <c r="S30" s="238"/>
      <c r="T30" s="238"/>
      <c r="U30" s="238"/>
      <c r="V30" s="238"/>
      <c r="W30" s="238"/>
      <c r="X30" s="238"/>
      <c r="Y30" s="238"/>
    </row>
    <row r="31" spans="1:25">
      <c r="P31" s="238"/>
      <c r="Q31" s="238"/>
      <c r="R31" s="238"/>
      <c r="S31" s="238"/>
      <c r="T31" s="238"/>
      <c r="U31" s="238"/>
      <c r="V31" s="238"/>
      <c r="W31" s="238"/>
      <c r="X31" s="238"/>
      <c r="Y31" s="238"/>
    </row>
    <row r="32" spans="1:25" ht="18.75">
      <c r="A32" s="336" t="s">
        <v>45</v>
      </c>
      <c r="B32" s="336"/>
      <c r="C32" s="336"/>
      <c r="D32" s="336"/>
      <c r="E32" s="336"/>
      <c r="F32" s="336"/>
      <c r="G32" s="336"/>
      <c r="H32" s="336"/>
      <c r="I32" s="336"/>
      <c r="J32" s="336"/>
      <c r="K32" s="336"/>
      <c r="L32" s="336"/>
      <c r="M32" s="336"/>
      <c r="N32" s="336"/>
      <c r="O32" s="336"/>
      <c r="P32" s="336"/>
      <c r="Q32" s="336"/>
      <c r="R32" s="336"/>
      <c r="S32" s="336"/>
      <c r="T32" s="336"/>
      <c r="U32" s="336"/>
      <c r="V32" s="336"/>
      <c r="W32" s="238"/>
      <c r="X32" s="238"/>
      <c r="Y32" s="238"/>
    </row>
    <row r="33" spans="1:45" ht="66" customHeight="1">
      <c r="A33" s="405" t="s">
        <v>590</v>
      </c>
      <c r="B33" s="405"/>
      <c r="C33" s="405"/>
      <c r="D33" s="405"/>
      <c r="E33" s="405"/>
      <c r="F33" s="405"/>
      <c r="G33" s="405"/>
      <c r="H33" s="405"/>
      <c r="I33" s="405"/>
      <c r="J33" s="405"/>
      <c r="K33" s="405"/>
      <c r="L33" s="405"/>
      <c r="M33" s="405"/>
      <c r="N33" s="405"/>
      <c r="O33" s="405"/>
      <c r="P33" s="405"/>
      <c r="Q33" s="405"/>
      <c r="R33" s="405"/>
      <c r="S33" s="405"/>
      <c r="T33" s="405"/>
      <c r="U33" s="405"/>
      <c r="V33" s="405"/>
      <c r="W33" s="238"/>
      <c r="X33" s="238"/>
      <c r="Y33" s="238"/>
    </row>
    <row r="34" spans="1:45" ht="37.5" customHeight="1">
      <c r="A34" s="59"/>
      <c r="B34" s="338" t="s">
        <v>272</v>
      </c>
      <c r="C34" s="409"/>
      <c r="D34" s="409"/>
      <c r="E34" s="409"/>
      <c r="F34" s="409"/>
      <c r="G34" s="409"/>
      <c r="H34" s="409"/>
      <c r="I34" s="338" t="s">
        <v>394</v>
      </c>
      <c r="J34" s="409"/>
      <c r="K34" s="409"/>
      <c r="L34" s="409"/>
      <c r="M34" s="409"/>
      <c r="N34" s="409"/>
      <c r="O34" s="409"/>
      <c r="P34" s="292" t="s">
        <v>273</v>
      </c>
      <c r="Q34" s="292"/>
      <c r="R34" s="292"/>
      <c r="S34" s="292"/>
      <c r="T34" s="292"/>
      <c r="U34" s="292"/>
      <c r="V34" s="292"/>
      <c r="W34" s="290"/>
      <c r="X34" s="290"/>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7.5" customHeight="1">
      <c r="A35" s="32" t="s">
        <v>71</v>
      </c>
      <c r="B35" s="33" t="s">
        <v>72</v>
      </c>
      <c r="C35" s="33" t="s">
        <v>131</v>
      </c>
      <c r="D35" s="84" t="s">
        <v>321</v>
      </c>
      <c r="E35" s="33" t="s">
        <v>132</v>
      </c>
      <c r="F35" s="84" t="s">
        <v>322</v>
      </c>
      <c r="G35" s="33" t="s">
        <v>133</v>
      </c>
      <c r="H35" s="84" t="s">
        <v>323</v>
      </c>
      <c r="I35" s="33" t="s">
        <v>72</v>
      </c>
      <c r="J35" s="33" t="s">
        <v>131</v>
      </c>
      <c r="K35" s="84" t="s">
        <v>321</v>
      </c>
      <c r="L35" s="33" t="s">
        <v>132</v>
      </c>
      <c r="M35" s="84" t="s">
        <v>322</v>
      </c>
      <c r="N35" s="33" t="s">
        <v>133</v>
      </c>
      <c r="O35" s="84" t="s">
        <v>323</v>
      </c>
      <c r="P35" s="33" t="s">
        <v>72</v>
      </c>
      <c r="Q35" s="33" t="s">
        <v>131</v>
      </c>
      <c r="R35" s="84" t="s">
        <v>321</v>
      </c>
      <c r="S35" s="33" t="s">
        <v>132</v>
      </c>
      <c r="T35" s="84" t="s">
        <v>322</v>
      </c>
      <c r="U35" s="33" t="s">
        <v>133</v>
      </c>
      <c r="V35" s="84" t="s">
        <v>323</v>
      </c>
    </row>
    <row r="36" spans="1:45" ht="71.25" customHeight="1">
      <c r="A36" s="36"/>
      <c r="B36" s="37" t="s">
        <v>74</v>
      </c>
      <c r="C36" s="37" t="s">
        <v>159</v>
      </c>
      <c r="D36" s="86" t="s">
        <v>88</v>
      </c>
      <c r="E36" s="37" t="s">
        <v>160</v>
      </c>
      <c r="F36" s="86" t="s">
        <v>88</v>
      </c>
      <c r="G36" s="37" t="s">
        <v>161</v>
      </c>
      <c r="H36" s="86" t="s">
        <v>88</v>
      </c>
      <c r="I36" s="37" t="s">
        <v>74</v>
      </c>
      <c r="J36" s="37" t="s">
        <v>159</v>
      </c>
      <c r="K36" s="86" t="s">
        <v>88</v>
      </c>
      <c r="L36" s="37" t="s">
        <v>160</v>
      </c>
      <c r="M36" s="86" t="s">
        <v>88</v>
      </c>
      <c r="N36" s="37" t="s">
        <v>161</v>
      </c>
      <c r="O36" s="86" t="s">
        <v>88</v>
      </c>
      <c r="P36" s="37" t="s">
        <v>74</v>
      </c>
      <c r="Q36" s="37" t="s">
        <v>159</v>
      </c>
      <c r="R36" s="86" t="s">
        <v>88</v>
      </c>
      <c r="S36" s="37" t="s">
        <v>160</v>
      </c>
      <c r="T36" s="86" t="s">
        <v>88</v>
      </c>
      <c r="U36" s="37" t="s">
        <v>161</v>
      </c>
      <c r="V36" s="86" t="s">
        <v>88</v>
      </c>
    </row>
    <row r="37" spans="1:45">
      <c r="A37" s="40" t="s">
        <v>349</v>
      </c>
      <c r="B37" s="173">
        <v>13907</v>
      </c>
      <c r="C37" s="176">
        <v>0.19903370812084747</v>
      </c>
      <c r="D37" s="89">
        <v>6.7716139356468969E-3</v>
      </c>
      <c r="E37" s="176">
        <v>0.1808553717156379</v>
      </c>
      <c r="F37" s="89">
        <v>6.5280375946062024E-3</v>
      </c>
      <c r="G37" s="176">
        <v>0.62011092016352953</v>
      </c>
      <c r="H37" s="89">
        <v>8.2304117240146954E-3</v>
      </c>
      <c r="I37" s="173">
        <v>13846</v>
      </c>
      <c r="J37" s="176">
        <v>0.35481886527751455</v>
      </c>
      <c r="K37" s="89">
        <v>8.1313159600783225E-3</v>
      </c>
      <c r="L37" s="176">
        <v>0.17642583432258463</v>
      </c>
      <c r="M37" s="89">
        <v>6.4792972664904922E-3</v>
      </c>
      <c r="N37" s="176">
        <v>0.46875530039991631</v>
      </c>
      <c r="O37" s="89">
        <v>8.4805887091058737E-3</v>
      </c>
      <c r="P37" s="173">
        <v>13940</v>
      </c>
      <c r="Q37" s="176">
        <v>0.34225069035955757</v>
      </c>
      <c r="R37" s="89">
        <v>8.0362316068750099E-3</v>
      </c>
      <c r="S37" s="176">
        <v>0.17414298561198138</v>
      </c>
      <c r="T37" s="89">
        <v>6.4244163883877669E-3</v>
      </c>
      <c r="U37" s="176">
        <v>0.48360632402847759</v>
      </c>
      <c r="V37" s="89">
        <v>8.4639460387044112E-3</v>
      </c>
    </row>
    <row r="38" spans="1:45">
      <c r="A38" s="44" t="s">
        <v>350</v>
      </c>
      <c r="B38" s="174">
        <v>10202</v>
      </c>
      <c r="C38" s="177">
        <v>0.20167199965186186</v>
      </c>
      <c r="D38" s="92">
        <v>7.9452899268931173E-3</v>
      </c>
      <c r="E38" s="177">
        <v>0.17183980488545875</v>
      </c>
      <c r="F38" s="92">
        <v>7.4705059153115571E-3</v>
      </c>
      <c r="G38" s="177">
        <v>0.62648819546267309</v>
      </c>
      <c r="H38" s="92">
        <v>9.5768450548990268E-3</v>
      </c>
      <c r="I38" s="174">
        <v>10151</v>
      </c>
      <c r="J38" s="177">
        <v>0.32941325567448487</v>
      </c>
      <c r="K38" s="92">
        <v>9.328473434407512E-3</v>
      </c>
      <c r="L38" s="177">
        <v>0.16135661256908065</v>
      </c>
      <c r="M38" s="92">
        <v>7.3032635781698722E-3</v>
      </c>
      <c r="N38" s="177">
        <v>0.50923013175642984</v>
      </c>
      <c r="O38" s="92">
        <v>9.9216997910477299E-3</v>
      </c>
      <c r="P38" s="174">
        <v>10217</v>
      </c>
      <c r="Q38" s="177">
        <v>0.36240960918067677</v>
      </c>
      <c r="R38" s="92">
        <v>9.5097249670579257E-3</v>
      </c>
      <c r="S38" s="177">
        <v>0.15677342640096814</v>
      </c>
      <c r="T38" s="92">
        <v>7.1952029092367809E-3</v>
      </c>
      <c r="U38" s="177">
        <v>0.48081696441835076</v>
      </c>
      <c r="V38" s="92">
        <v>9.8840216912036444E-3</v>
      </c>
    </row>
    <row r="39" spans="1:45">
      <c r="A39" s="40" t="s">
        <v>351</v>
      </c>
      <c r="B39" s="173">
        <v>3705</v>
      </c>
      <c r="C39" s="176">
        <v>0.19688925262736423</v>
      </c>
      <c r="D39" s="89">
        <v>1.3066886726862605E-2</v>
      </c>
      <c r="E39" s="176">
        <v>0.18818340259793176</v>
      </c>
      <c r="F39" s="89">
        <v>1.2844550928860063E-2</v>
      </c>
      <c r="G39" s="176">
        <v>0.6149273447747049</v>
      </c>
      <c r="H39" s="89">
        <v>1.5981256857970642E-2</v>
      </c>
      <c r="I39" s="173">
        <v>3695</v>
      </c>
      <c r="J39" s="176">
        <v>0.37544231673523015</v>
      </c>
      <c r="K39" s="89">
        <v>1.5924902145224944E-2</v>
      </c>
      <c r="L39" s="176">
        <v>0.18865854072857044</v>
      </c>
      <c r="M39" s="89">
        <v>1.2874339118384516E-2</v>
      </c>
      <c r="N39" s="176">
        <v>0.4358991425362001</v>
      </c>
      <c r="O39" s="89">
        <v>1.6306736768572166E-2</v>
      </c>
      <c r="P39" s="173">
        <v>3723</v>
      </c>
      <c r="Q39" s="176">
        <v>0.32592054392210179</v>
      </c>
      <c r="R39" s="89">
        <v>1.5357692271588185E-2</v>
      </c>
      <c r="S39" s="176">
        <v>0.18821355397859629</v>
      </c>
      <c r="T39" s="89">
        <v>1.2814239585689016E-2</v>
      </c>
      <c r="U39" s="176">
        <v>0.48586590209930292</v>
      </c>
      <c r="V39" s="89">
        <v>1.6373709707401936E-2</v>
      </c>
    </row>
    <row r="40" spans="1:45">
      <c r="A40" s="44" t="s">
        <v>533</v>
      </c>
      <c r="B40" s="174">
        <v>3201</v>
      </c>
      <c r="C40" s="177">
        <v>0.17693188801927573</v>
      </c>
      <c r="D40" s="92">
        <v>1.3493506054128201E-2</v>
      </c>
      <c r="E40" s="177">
        <v>0.16855409014413142</v>
      </c>
      <c r="F40" s="92">
        <v>1.3238135723563953E-2</v>
      </c>
      <c r="G40" s="177">
        <v>0.65451402183658791</v>
      </c>
      <c r="H40" s="92">
        <v>1.6801492141257694E-2</v>
      </c>
      <c r="I40" s="174">
        <v>3182</v>
      </c>
      <c r="J40" s="177">
        <v>0.33136085927097775</v>
      </c>
      <c r="K40" s="92">
        <v>1.6681056150099172E-2</v>
      </c>
      <c r="L40" s="177">
        <v>0.16554462559544333</v>
      </c>
      <c r="M40" s="92">
        <v>1.3182780244793886E-2</v>
      </c>
      <c r="N40" s="177">
        <v>0.50309451513357328</v>
      </c>
      <c r="O40" s="92">
        <v>1.7716128323364923E-2</v>
      </c>
      <c r="P40" s="174">
        <v>3205</v>
      </c>
      <c r="Q40" s="177">
        <v>0.30794081528649681</v>
      </c>
      <c r="R40" s="92">
        <v>1.6302116912480808E-2</v>
      </c>
      <c r="S40" s="177">
        <v>0.18160096859325445</v>
      </c>
      <c r="T40" s="92">
        <v>1.362245837484896E-2</v>
      </c>
      <c r="U40" s="177">
        <v>0.51045821612024311</v>
      </c>
      <c r="V40" s="92">
        <v>1.7649010283705885E-2</v>
      </c>
    </row>
    <row r="41" spans="1:45">
      <c r="A41" s="40" t="s">
        <v>534</v>
      </c>
      <c r="B41" s="173">
        <v>2518</v>
      </c>
      <c r="C41" s="176">
        <v>0.18651193283631046</v>
      </c>
      <c r="D41" s="89">
        <v>1.5528578474159664E-2</v>
      </c>
      <c r="E41" s="176">
        <v>0.14480798253164573</v>
      </c>
      <c r="F41" s="89">
        <v>1.4037364212146134E-2</v>
      </c>
      <c r="G41" s="176">
        <v>0.66868008463204598</v>
      </c>
      <c r="H41" s="89">
        <v>1.8749029590956753E-2</v>
      </c>
      <c r="I41" s="173">
        <v>2500</v>
      </c>
      <c r="J41" s="176">
        <v>0.27261448980344466</v>
      </c>
      <c r="K41" s="89">
        <v>1.7805341072123351E-2</v>
      </c>
      <c r="L41" s="176">
        <v>0.15585773678961556</v>
      </c>
      <c r="M41" s="89">
        <v>1.451803898890015E-2</v>
      </c>
      <c r="N41" s="176">
        <v>0.57152777340694139</v>
      </c>
      <c r="O41" s="89">
        <v>1.9779136324939293E-2</v>
      </c>
      <c r="P41" s="173">
        <v>2517</v>
      </c>
      <c r="Q41" s="176">
        <v>0.30459689376577398</v>
      </c>
      <c r="R41" s="89">
        <v>1.8337862057815367E-2</v>
      </c>
      <c r="S41" s="176">
        <v>0.1574138763217354</v>
      </c>
      <c r="T41" s="89">
        <v>1.4527157552208667E-2</v>
      </c>
      <c r="U41" s="176">
        <v>0.53798922991249265</v>
      </c>
      <c r="V41" s="89">
        <v>1.9859138799900786E-2</v>
      </c>
    </row>
    <row r="42" spans="1:45">
      <c r="A42" s="44" t="s">
        <v>535</v>
      </c>
      <c r="B42" s="174">
        <v>488</v>
      </c>
      <c r="C42" s="177">
        <v>0.14021981158110719</v>
      </c>
      <c r="D42" s="92">
        <v>3.1578319799142003E-2</v>
      </c>
      <c r="E42" s="177">
        <v>0.14886725721096114</v>
      </c>
      <c r="F42" s="92">
        <v>3.2347507311940922E-2</v>
      </c>
      <c r="G42" s="177">
        <v>0.71091293120793353</v>
      </c>
      <c r="H42" s="92">
        <v>4.0947727583523164E-2</v>
      </c>
      <c r="I42" s="174">
        <v>486</v>
      </c>
      <c r="J42" s="177">
        <v>0.20598143490876553</v>
      </c>
      <c r="K42" s="92">
        <v>3.6696071177651841E-2</v>
      </c>
      <c r="L42" s="177">
        <v>0.17451476625467735</v>
      </c>
      <c r="M42" s="92">
        <v>3.4497198455376611E-2</v>
      </c>
      <c r="N42" s="177">
        <v>0.61950379883655993</v>
      </c>
      <c r="O42" s="92">
        <v>4.3887709417557458E-2</v>
      </c>
      <c r="P42" s="174">
        <v>488</v>
      </c>
      <c r="Q42" s="177">
        <v>0.31678112766132493</v>
      </c>
      <c r="R42" s="92">
        <v>4.2000238663580262E-2</v>
      </c>
      <c r="S42" s="177">
        <v>0.13279087954314983</v>
      </c>
      <c r="T42" s="92">
        <v>3.0886773367943415E-2</v>
      </c>
      <c r="U42" s="177">
        <v>0.55042799279552856</v>
      </c>
      <c r="V42" s="92">
        <v>4.4857334715273631E-2</v>
      </c>
    </row>
    <row r="43" spans="1:45">
      <c r="A43" s="40" t="s">
        <v>536</v>
      </c>
      <c r="B43" s="173">
        <v>89</v>
      </c>
      <c r="C43" s="176">
        <v>0.13510049757942244</v>
      </c>
      <c r="D43" s="89">
        <v>7.4214434355259484E-2</v>
      </c>
      <c r="E43" s="176">
        <v>0.28562535746770018</v>
      </c>
      <c r="F43" s="89">
        <v>9.4564478273934327E-2</v>
      </c>
      <c r="G43" s="176">
        <v>0.57927414495287743</v>
      </c>
      <c r="H43" s="89">
        <v>0.10249460032687104</v>
      </c>
      <c r="I43" s="173">
        <v>89</v>
      </c>
      <c r="J43" s="176">
        <v>0.16855635354055251</v>
      </c>
      <c r="K43" s="89">
        <v>8.0158919843176718E-2</v>
      </c>
      <c r="L43" s="176">
        <v>0.18879688207447345</v>
      </c>
      <c r="M43" s="89">
        <v>8.3293603386624157E-2</v>
      </c>
      <c r="N43" s="176">
        <v>0.64264676438497392</v>
      </c>
      <c r="O43" s="89">
        <v>9.9755536089538174E-2</v>
      </c>
      <c r="P43" s="173">
        <v>89</v>
      </c>
      <c r="Q43" s="176">
        <v>0.431163533921471</v>
      </c>
      <c r="R43" s="89">
        <v>0.10279123524962827</v>
      </c>
      <c r="S43" s="176">
        <v>0.11981100331249789</v>
      </c>
      <c r="T43" s="89">
        <v>7.1126963937729756E-2</v>
      </c>
      <c r="U43" s="176">
        <v>0.44902546276603106</v>
      </c>
      <c r="V43" s="89">
        <v>0.10320046433977063</v>
      </c>
    </row>
    <row r="44" spans="1:45">
      <c r="A44" s="44" t="s">
        <v>537</v>
      </c>
      <c r="B44" s="174">
        <v>140</v>
      </c>
      <c r="C44" s="177">
        <v>0.18122725141403204</v>
      </c>
      <c r="D44" s="92">
        <v>6.5394287946917262E-2</v>
      </c>
      <c r="E44" s="177">
        <v>0.12368746102564074</v>
      </c>
      <c r="F44" s="92">
        <v>5.6800550173028118E-2</v>
      </c>
      <c r="G44" s="177">
        <v>0.69508528756032673</v>
      </c>
      <c r="H44" s="92">
        <v>7.7105035310810116E-2</v>
      </c>
      <c r="I44" s="174">
        <v>138</v>
      </c>
      <c r="J44" s="177">
        <v>0.1789478181231956</v>
      </c>
      <c r="K44" s="92">
        <v>6.5574540288694624E-2</v>
      </c>
      <c r="L44" s="177">
        <v>0.14700436551212862</v>
      </c>
      <c r="M44" s="92">
        <v>6.1050720031546796E-2</v>
      </c>
      <c r="N44" s="177">
        <v>0.67404781636467537</v>
      </c>
      <c r="O44" s="92">
        <v>7.8970479124700843E-2</v>
      </c>
      <c r="P44" s="174">
        <v>138</v>
      </c>
      <c r="Q44" s="177">
        <v>0.27229994280424674</v>
      </c>
      <c r="R44" s="92">
        <v>7.5252161824594307E-2</v>
      </c>
      <c r="S44" s="177">
        <v>0.1378908370404632</v>
      </c>
      <c r="T44" s="92">
        <v>5.9613809414602821E-2</v>
      </c>
      <c r="U44" s="177">
        <v>0.58980922015528991</v>
      </c>
      <c r="V44" s="92">
        <v>8.2629720347788427E-2</v>
      </c>
    </row>
    <row r="45" spans="1:45">
      <c r="A45" s="40" t="s">
        <v>538</v>
      </c>
      <c r="B45" s="173">
        <v>107</v>
      </c>
      <c r="C45" s="176">
        <v>0.14738075171818685</v>
      </c>
      <c r="D45" s="89">
        <v>6.9608859181927343E-2</v>
      </c>
      <c r="E45" s="176">
        <v>0.17641157930009313</v>
      </c>
      <c r="F45" s="89">
        <v>7.418049253960908E-2</v>
      </c>
      <c r="G45" s="176">
        <v>0.67620766898171947</v>
      </c>
      <c r="H45" s="89">
        <v>8.9270983986206504E-2</v>
      </c>
      <c r="I45" s="173">
        <v>107</v>
      </c>
      <c r="J45" s="176">
        <v>0.17615835216651551</v>
      </c>
      <c r="K45" s="89">
        <v>7.4143479873750848E-2</v>
      </c>
      <c r="L45" s="176">
        <v>0.21529098941918032</v>
      </c>
      <c r="M45" s="89">
        <v>7.9339076660862179E-2</v>
      </c>
      <c r="N45" s="176">
        <v>0.60855065841430367</v>
      </c>
      <c r="O45" s="89">
        <v>9.2814004806558284E-2</v>
      </c>
      <c r="P45" s="173">
        <v>107</v>
      </c>
      <c r="Q45" s="176">
        <v>0.33080714475146822</v>
      </c>
      <c r="R45" s="89">
        <v>8.9724253250465638E-2</v>
      </c>
      <c r="S45" s="176">
        <v>0.11976603262330743</v>
      </c>
      <c r="T45" s="89">
        <v>6.4557930821767182E-2</v>
      </c>
      <c r="U45" s="176">
        <v>0.5494268226252238</v>
      </c>
      <c r="V45" s="89">
        <v>9.4483878136963725E-2</v>
      </c>
    </row>
    <row r="46" spans="1:45">
      <c r="A46" s="44" t="s">
        <v>539</v>
      </c>
      <c r="B46" s="174">
        <v>152</v>
      </c>
      <c r="C46" s="177">
        <v>0.11341650313379999</v>
      </c>
      <c r="D46" s="92">
        <v>5.2652436277777936E-2</v>
      </c>
      <c r="E46" s="177">
        <v>9.5789879271454575E-2</v>
      </c>
      <c r="F46" s="92">
        <v>4.9325064722856519E-2</v>
      </c>
      <c r="G46" s="177">
        <v>0.79079361759474542</v>
      </c>
      <c r="H46" s="92">
        <v>6.5968122488298628E-2</v>
      </c>
      <c r="I46" s="174">
        <v>152</v>
      </c>
      <c r="J46" s="177">
        <v>0.25233184191790892</v>
      </c>
      <c r="K46" s="92">
        <v>7.0121830115509154E-2</v>
      </c>
      <c r="L46" s="177">
        <v>0.16545428833892684</v>
      </c>
      <c r="M46" s="92">
        <v>6.0710560269166554E-2</v>
      </c>
      <c r="N46" s="177">
        <v>0.58221386974316358</v>
      </c>
      <c r="O46" s="92">
        <v>7.9029864091348156E-2</v>
      </c>
      <c r="P46" s="174">
        <v>154</v>
      </c>
      <c r="Q46" s="177">
        <v>0.29169088568783547</v>
      </c>
      <c r="R46" s="92">
        <v>7.2701331035759167E-2</v>
      </c>
      <c r="S46" s="177">
        <v>0.1412021222223637</v>
      </c>
      <c r="T46" s="92">
        <v>5.6858662741265831E-2</v>
      </c>
      <c r="U46" s="177">
        <v>0.5671069920898002</v>
      </c>
      <c r="V46" s="92">
        <v>7.8872077643033847E-2</v>
      </c>
    </row>
    <row r="47" spans="1:45">
      <c r="A47" s="40" t="s">
        <v>540</v>
      </c>
      <c r="B47" s="173">
        <v>341</v>
      </c>
      <c r="C47" s="176">
        <v>0.16935889639384349</v>
      </c>
      <c r="D47" s="89">
        <v>4.0746199726747243E-2</v>
      </c>
      <c r="E47" s="176">
        <v>0.14916423156052164</v>
      </c>
      <c r="F47" s="89">
        <v>3.8786203989944666E-2</v>
      </c>
      <c r="G47" s="176">
        <v>0.68147687204563634</v>
      </c>
      <c r="H47" s="89">
        <v>5.0254471440826773E-2</v>
      </c>
      <c r="I47" s="173">
        <v>338</v>
      </c>
      <c r="J47" s="176">
        <v>0.25632554027681409</v>
      </c>
      <c r="K47" s="89">
        <v>4.7388351587135842E-2</v>
      </c>
      <c r="L47" s="176">
        <v>0.17217617329199339</v>
      </c>
      <c r="M47" s="89">
        <v>4.118574665650588E-2</v>
      </c>
      <c r="N47" s="176">
        <v>0.57149828643119416</v>
      </c>
      <c r="O47" s="89">
        <v>5.3531088940311285E-2</v>
      </c>
      <c r="P47" s="173">
        <v>341</v>
      </c>
      <c r="Q47" s="176">
        <v>0.316730289081668</v>
      </c>
      <c r="R47" s="89">
        <v>5.0180722118276053E-2</v>
      </c>
      <c r="S47" s="176">
        <v>0.14635473018570791</v>
      </c>
      <c r="T47" s="89">
        <v>3.8496115918558504E-2</v>
      </c>
      <c r="U47" s="176">
        <v>0.53691498073262522</v>
      </c>
      <c r="V47" s="89">
        <v>5.3694649313296199E-2</v>
      </c>
    </row>
    <row r="48" spans="1:45">
      <c r="A48" s="44" t="s">
        <v>541</v>
      </c>
      <c r="B48" s="174">
        <v>113</v>
      </c>
      <c r="C48" s="177">
        <v>0.18822685537213069</v>
      </c>
      <c r="D48" s="92">
        <v>7.380506045768595E-2</v>
      </c>
      <c r="E48" s="177">
        <v>0.1225854361216598</v>
      </c>
      <c r="F48" s="92">
        <v>6.3281048595757991E-2</v>
      </c>
      <c r="G48" s="177">
        <v>0.68918770850621014</v>
      </c>
      <c r="H48" s="92">
        <v>8.6055734670460307E-2</v>
      </c>
      <c r="I48" s="174">
        <v>112</v>
      </c>
      <c r="J48" s="177">
        <v>0.31537191088620881</v>
      </c>
      <c r="K48" s="92">
        <v>8.674632075974624E-2</v>
      </c>
      <c r="L48" s="177">
        <v>0.14984780194896205</v>
      </c>
      <c r="M48" s="92">
        <v>6.8406310586753546E-2</v>
      </c>
      <c r="N48" s="177">
        <v>0.5347802871648295</v>
      </c>
      <c r="O48" s="92">
        <v>9.2638027244507232E-2</v>
      </c>
      <c r="P48" s="174">
        <v>112</v>
      </c>
      <c r="Q48" s="177">
        <v>0.3325586046844668</v>
      </c>
      <c r="R48" s="92">
        <v>8.7860312713253286E-2</v>
      </c>
      <c r="S48" s="177">
        <v>0.16591338778433673</v>
      </c>
      <c r="T48" s="92">
        <v>7.0942163859464627E-2</v>
      </c>
      <c r="U48" s="177">
        <v>0.50152800753119708</v>
      </c>
      <c r="V48" s="92">
        <v>9.2847264910216734E-2</v>
      </c>
    </row>
    <row r="49" spans="1:22">
      <c r="A49" s="40" t="s">
        <v>542</v>
      </c>
      <c r="B49" s="173">
        <v>94</v>
      </c>
      <c r="C49" s="176">
        <v>0.12282512575922516</v>
      </c>
      <c r="D49" s="89">
        <v>6.9726944122327855E-2</v>
      </c>
      <c r="E49" s="176">
        <v>0.17012930834020348</v>
      </c>
      <c r="F49" s="89">
        <v>7.8216568784966467E-2</v>
      </c>
      <c r="G49" s="176">
        <v>0.70704556590057255</v>
      </c>
      <c r="H49" s="89">
        <v>9.2705400105992805E-2</v>
      </c>
      <c r="I49" s="173">
        <v>93</v>
      </c>
      <c r="J49" s="176">
        <v>0.30427083419971046</v>
      </c>
      <c r="K49" s="89">
        <v>9.4112134822908297E-2</v>
      </c>
      <c r="L49" s="176">
        <v>0.14950417579693015</v>
      </c>
      <c r="M49" s="89">
        <v>7.5183764798273239E-2</v>
      </c>
      <c r="N49" s="176">
        <v>0.54622499000336044</v>
      </c>
      <c r="O49" s="89">
        <v>0.10113497025115899</v>
      </c>
      <c r="P49" s="173">
        <v>95</v>
      </c>
      <c r="Q49" s="176">
        <v>0.20740271906836319</v>
      </c>
      <c r="R49" s="89">
        <v>8.3161108021939933E-2</v>
      </c>
      <c r="S49" s="176">
        <v>0.1691016477982705</v>
      </c>
      <c r="T49" s="89">
        <v>7.7635644949352475E-2</v>
      </c>
      <c r="U49" s="176">
        <v>0.62349563313336742</v>
      </c>
      <c r="V49" s="89">
        <v>9.7640103773652176E-2</v>
      </c>
    </row>
    <row r="50" spans="1:22">
      <c r="A50" s="44" t="s">
        <v>543</v>
      </c>
      <c r="B50" s="174">
        <v>77</v>
      </c>
      <c r="C50" s="177">
        <v>0.16587024475076287</v>
      </c>
      <c r="D50" s="92">
        <v>8.5811014791669846E-2</v>
      </c>
      <c r="E50" s="177">
        <v>0.13284049031132736</v>
      </c>
      <c r="F50" s="92">
        <v>7.9560314086132872E-2</v>
      </c>
      <c r="G50" s="177">
        <v>0.70128926493791</v>
      </c>
      <c r="H50" s="92">
        <v>0.10265260591772711</v>
      </c>
      <c r="I50" s="174">
        <v>76</v>
      </c>
      <c r="J50" s="177">
        <v>0.15211491567475455</v>
      </c>
      <c r="K50" s="92">
        <v>8.3897500324465926E-2</v>
      </c>
      <c r="L50" s="177">
        <v>0.21407171699511385</v>
      </c>
      <c r="M50" s="92">
        <v>9.3865895782902609E-2</v>
      </c>
      <c r="N50" s="177">
        <v>0.63381336733013183</v>
      </c>
      <c r="O50" s="92">
        <v>0.10812951017372721</v>
      </c>
      <c r="P50" s="174">
        <v>77</v>
      </c>
      <c r="Q50" s="177">
        <v>0.3928745937025292</v>
      </c>
      <c r="R50" s="92">
        <v>0.10878216521743599</v>
      </c>
      <c r="S50" s="177">
        <v>0.13827594353737424</v>
      </c>
      <c r="T50" s="92">
        <v>8.0663763747333792E-2</v>
      </c>
      <c r="U50" s="177">
        <v>0.46884946276009642</v>
      </c>
      <c r="V50" s="92">
        <v>0.11091607667043171</v>
      </c>
    </row>
    <row r="51" spans="1:22">
      <c r="A51" s="52" t="s">
        <v>544</v>
      </c>
      <c r="B51" s="173">
        <v>57</v>
      </c>
      <c r="C51" s="176">
        <v>0.24354114967120094</v>
      </c>
      <c r="D51" s="89">
        <v>0.11237284865752198</v>
      </c>
      <c r="E51" s="176">
        <v>0.19186115131870507</v>
      </c>
      <c r="F51" s="89">
        <v>0.10467579128330355</v>
      </c>
      <c r="G51" s="176">
        <v>0.56459769901009382</v>
      </c>
      <c r="H51" s="89">
        <v>0.12710043917675637</v>
      </c>
      <c r="I51" s="173">
        <v>57</v>
      </c>
      <c r="J51" s="176">
        <v>0.1878118379169447</v>
      </c>
      <c r="K51" s="89">
        <v>0.1039865389779972</v>
      </c>
      <c r="L51" s="176">
        <v>0.20452389895055265</v>
      </c>
      <c r="M51" s="89">
        <v>0.10674573686896749</v>
      </c>
      <c r="N51" s="176">
        <v>0.60766426313250244</v>
      </c>
      <c r="O51" s="89">
        <v>0.12541832232535671</v>
      </c>
      <c r="P51" s="173">
        <v>57</v>
      </c>
      <c r="Q51" s="176">
        <v>0.40715725175184347</v>
      </c>
      <c r="R51" s="89">
        <v>0.1260948438694991</v>
      </c>
      <c r="S51" s="176">
        <v>5.9627991903500314E-2</v>
      </c>
      <c r="T51" s="89">
        <v>7.2732042377809406E-2</v>
      </c>
      <c r="U51" s="176">
        <v>0.53321475634465609</v>
      </c>
      <c r="V51" s="89">
        <v>0.12778997133463418</v>
      </c>
    </row>
    <row r="52" spans="1:22">
      <c r="A52" s="44" t="s">
        <v>545</v>
      </c>
      <c r="B52" s="174">
        <v>638</v>
      </c>
      <c r="C52" s="177">
        <v>0.19453032405612325</v>
      </c>
      <c r="D52" s="92">
        <v>3.1360373200427595E-2</v>
      </c>
      <c r="E52" s="177">
        <v>0.17860428984692409</v>
      </c>
      <c r="F52" s="92">
        <v>3.0365166473297282E-2</v>
      </c>
      <c r="G52" s="177">
        <v>0.62686538609695708</v>
      </c>
      <c r="H52" s="92">
        <v>3.819160642393829E-2</v>
      </c>
      <c r="I52" s="174">
        <v>635</v>
      </c>
      <c r="J52" s="177">
        <v>0.3026453657877809</v>
      </c>
      <c r="K52" s="92">
        <v>3.6389240245830422E-2</v>
      </c>
      <c r="L52" s="177">
        <v>0.15810030737006134</v>
      </c>
      <c r="M52" s="92">
        <v>2.9023060156884758E-2</v>
      </c>
      <c r="N52" s="177">
        <v>0.53925432684216223</v>
      </c>
      <c r="O52" s="92">
        <v>3.9438812089023369E-2</v>
      </c>
      <c r="P52" s="174">
        <v>639</v>
      </c>
      <c r="Q52" s="177">
        <v>0.31172481020063908</v>
      </c>
      <c r="R52" s="92">
        <v>3.657091010555847E-2</v>
      </c>
      <c r="S52" s="177">
        <v>0.16396916834940259</v>
      </c>
      <c r="T52" s="92">
        <v>2.9351072170320024E-2</v>
      </c>
      <c r="U52" s="177">
        <v>0.52430602144996252</v>
      </c>
      <c r="V52" s="92">
        <v>3.9390105000219944E-2</v>
      </c>
    </row>
    <row r="53" spans="1:22">
      <c r="A53" s="52" t="s">
        <v>546</v>
      </c>
      <c r="B53" s="173">
        <v>67</v>
      </c>
      <c r="C53" s="176">
        <v>0.25539921601853444</v>
      </c>
      <c r="D53" s="89">
        <v>0.10527547127115967</v>
      </c>
      <c r="E53" s="176">
        <v>0.11971033270477874</v>
      </c>
      <c r="F53" s="89">
        <v>8.2638184906034459E-2</v>
      </c>
      <c r="G53" s="176">
        <v>0.62489045127668708</v>
      </c>
      <c r="H53" s="89">
        <v>0.11533425949523116</v>
      </c>
      <c r="I53" s="173">
        <v>67</v>
      </c>
      <c r="J53" s="176">
        <v>0.24055089498928786</v>
      </c>
      <c r="K53" s="89">
        <v>0.10347678991014796</v>
      </c>
      <c r="L53" s="176">
        <v>0.20015210343436987</v>
      </c>
      <c r="M53" s="89">
        <v>9.7846224720976191E-2</v>
      </c>
      <c r="N53" s="176">
        <v>0.55929700157634277</v>
      </c>
      <c r="O53" s="89">
        <v>0.11793263525771952</v>
      </c>
      <c r="P53" s="173">
        <v>67</v>
      </c>
      <c r="Q53" s="176">
        <v>0.28126415213124178</v>
      </c>
      <c r="R53" s="89">
        <v>0.10809328174335618</v>
      </c>
      <c r="S53" s="176">
        <v>7.8384144247719389E-2</v>
      </c>
      <c r="T53" s="89">
        <v>7.1878282388138412E-2</v>
      </c>
      <c r="U53" s="176">
        <v>0.6403517036210391</v>
      </c>
      <c r="V53" s="89">
        <v>0.11443884820027618</v>
      </c>
    </row>
    <row r="54" spans="1:22">
      <c r="A54" s="44" t="s">
        <v>547</v>
      </c>
      <c r="B54" s="174">
        <v>147</v>
      </c>
      <c r="C54" s="177">
        <v>0.24930815161725758</v>
      </c>
      <c r="D54" s="92">
        <v>7.102636523750365E-2</v>
      </c>
      <c r="E54" s="177">
        <v>0.15189331458547142</v>
      </c>
      <c r="F54" s="92">
        <v>5.9835700526459132E-2</v>
      </c>
      <c r="G54" s="177">
        <v>0.59879853379727199</v>
      </c>
      <c r="H54" s="92">
        <v>7.9859006073102326E-2</v>
      </c>
      <c r="I54" s="174">
        <v>145</v>
      </c>
      <c r="J54" s="177">
        <v>0.29141085040121883</v>
      </c>
      <c r="K54" s="92">
        <v>7.4868168142777941E-2</v>
      </c>
      <c r="L54" s="177">
        <v>0.16135862150393959</v>
      </c>
      <c r="M54" s="92">
        <v>6.1610723560560389E-2</v>
      </c>
      <c r="N54" s="177">
        <v>0.54723052809484318</v>
      </c>
      <c r="O54" s="92">
        <v>8.157632238247467E-2</v>
      </c>
      <c r="P54" s="174">
        <v>146</v>
      </c>
      <c r="Q54" s="177">
        <v>0.33802780197325616</v>
      </c>
      <c r="R54" s="92">
        <v>7.7484716892134958E-2</v>
      </c>
      <c r="S54" s="177">
        <v>0.18233604236140594</v>
      </c>
      <c r="T54" s="92">
        <v>6.416639597870144E-2</v>
      </c>
      <c r="U54" s="177">
        <v>0.47963615566533996</v>
      </c>
      <c r="V54" s="92">
        <v>8.1585478373049011E-2</v>
      </c>
    </row>
    <row r="55" spans="1:22">
      <c r="A55" s="52" t="s">
        <v>548</v>
      </c>
      <c r="B55" s="173">
        <v>163</v>
      </c>
      <c r="C55" s="176">
        <v>0.15616886943194438</v>
      </c>
      <c r="D55" s="89">
        <v>5.7362291596192383E-2</v>
      </c>
      <c r="E55" s="176">
        <v>0.17912742024343739</v>
      </c>
      <c r="F55" s="89">
        <v>6.0321275063098694E-2</v>
      </c>
      <c r="G55" s="176">
        <v>0.66470371032461828</v>
      </c>
      <c r="H55" s="89">
        <v>7.3273605339865655E-2</v>
      </c>
      <c r="I55" s="173">
        <v>163</v>
      </c>
      <c r="J55" s="176">
        <v>0.30431200703069178</v>
      </c>
      <c r="K55" s="89">
        <v>7.1513772926048144E-2</v>
      </c>
      <c r="L55" s="176">
        <v>0.1117572077066446</v>
      </c>
      <c r="M55" s="89">
        <v>5.0483121149961736E-2</v>
      </c>
      <c r="N55" s="176">
        <v>0.58393078526266384</v>
      </c>
      <c r="O55" s="89">
        <v>7.6336638157689846E-2</v>
      </c>
      <c r="P55" s="173">
        <v>164</v>
      </c>
      <c r="Q55" s="176">
        <v>0.3236167293251942</v>
      </c>
      <c r="R55" s="89">
        <v>7.2432691930480644E-2</v>
      </c>
      <c r="S55" s="176">
        <v>0.14547080047592162</v>
      </c>
      <c r="T55" s="89">
        <v>5.5682577595202246E-2</v>
      </c>
      <c r="U55" s="176">
        <v>0.53091247019888477</v>
      </c>
      <c r="V55" s="89">
        <v>7.7011035282521068E-2</v>
      </c>
    </row>
    <row r="56" spans="1:22">
      <c r="A56" s="44" t="s">
        <v>549</v>
      </c>
      <c r="B56" s="174">
        <v>72</v>
      </c>
      <c r="C56" s="177">
        <v>0.31463880944093303</v>
      </c>
      <c r="D56" s="92">
        <v>0.10740056971250915</v>
      </c>
      <c r="E56" s="177">
        <v>0.29930941014938822</v>
      </c>
      <c r="F56" s="92">
        <v>0.10609116518809968</v>
      </c>
      <c r="G56" s="177">
        <v>0.38605178040967808</v>
      </c>
      <c r="H56" s="92">
        <v>0.1120024890467279</v>
      </c>
      <c r="I56" s="174">
        <v>71</v>
      </c>
      <c r="J56" s="177">
        <v>0.39194519166036146</v>
      </c>
      <c r="K56" s="92">
        <v>0.11302775357500182</v>
      </c>
      <c r="L56" s="177">
        <v>0.20443842447767774</v>
      </c>
      <c r="M56" s="92">
        <v>9.5697555824386202E-2</v>
      </c>
      <c r="N56" s="177">
        <v>0.40361638386196008</v>
      </c>
      <c r="O56" s="92">
        <v>0.11353112615706626</v>
      </c>
      <c r="P56" s="174">
        <v>71</v>
      </c>
      <c r="Q56" s="177">
        <v>0.43826298985401879</v>
      </c>
      <c r="R56" s="92">
        <v>0.11467850845710433</v>
      </c>
      <c r="S56" s="177">
        <v>0.10930740894278701</v>
      </c>
      <c r="T56" s="92">
        <v>7.7702611210335032E-2</v>
      </c>
      <c r="U56" s="177">
        <v>0.45242960120319353</v>
      </c>
      <c r="V56" s="92">
        <v>0.11500075383240434</v>
      </c>
    </row>
    <row r="57" spans="1:22">
      <c r="A57" s="52" t="s">
        <v>550</v>
      </c>
      <c r="B57" s="173">
        <v>121</v>
      </c>
      <c r="C57" s="176">
        <v>0.16620028169845283</v>
      </c>
      <c r="D57" s="89">
        <v>6.8257084801475049E-2</v>
      </c>
      <c r="E57" s="176">
        <v>0.12442369578614659</v>
      </c>
      <c r="F57" s="89">
        <v>6.1403760309529751E-2</v>
      </c>
      <c r="G57" s="176">
        <v>0.70937602251540033</v>
      </c>
      <c r="H57" s="89">
        <v>8.1765018077053858E-2</v>
      </c>
      <c r="I57" s="173">
        <v>121</v>
      </c>
      <c r="J57" s="176">
        <v>0.27142686661341636</v>
      </c>
      <c r="K57" s="89">
        <v>8.0208637234227456E-2</v>
      </c>
      <c r="L57" s="176">
        <v>0.20586800402847183</v>
      </c>
      <c r="M57" s="89">
        <v>7.3524885882280469E-2</v>
      </c>
      <c r="N57" s="176">
        <v>0.52270512935811064</v>
      </c>
      <c r="O57" s="89">
        <v>8.935626539571663E-2</v>
      </c>
      <c r="P57" s="173">
        <v>122</v>
      </c>
      <c r="Q57" s="176">
        <v>0.2409907968376907</v>
      </c>
      <c r="R57" s="89">
        <v>7.7070579224431918E-2</v>
      </c>
      <c r="S57" s="176">
        <v>0.23080867286694115</v>
      </c>
      <c r="T57" s="89">
        <v>7.6025034821152485E-2</v>
      </c>
      <c r="U57" s="176">
        <v>0.52820053029536707</v>
      </c>
      <c r="V57" s="89">
        <v>8.8954138698870241E-2</v>
      </c>
    </row>
    <row r="58" spans="1:22">
      <c r="A58" s="44" t="s">
        <v>551</v>
      </c>
      <c r="B58" s="174">
        <v>68</v>
      </c>
      <c r="C58" s="177">
        <v>0.15241035985846058</v>
      </c>
      <c r="D58" s="92">
        <v>8.8892203600574357E-2</v>
      </c>
      <c r="E58" s="177">
        <v>0.28913084730469107</v>
      </c>
      <c r="F58" s="92">
        <v>0.10809913267070352</v>
      </c>
      <c r="G58" s="177">
        <v>0.55845879283684807</v>
      </c>
      <c r="H58" s="92">
        <v>0.11713044400029947</v>
      </c>
      <c r="I58" s="174">
        <v>68</v>
      </c>
      <c r="J58" s="177">
        <v>0.36418745530362023</v>
      </c>
      <c r="K58" s="92">
        <v>0.11390724131805822</v>
      </c>
      <c r="L58" s="177">
        <v>0.10747098644156454</v>
      </c>
      <c r="M58" s="92">
        <v>7.9079886751606987E-2</v>
      </c>
      <c r="N58" s="177">
        <v>0.52834155825481499</v>
      </c>
      <c r="O58" s="92">
        <v>0.11768213454818258</v>
      </c>
      <c r="P58" s="174">
        <v>69</v>
      </c>
      <c r="Q58" s="177">
        <v>0.33572097148049984</v>
      </c>
      <c r="R58" s="92">
        <v>0.11125410068461221</v>
      </c>
      <c r="S58" s="177">
        <v>0.13618179637117486</v>
      </c>
      <c r="T58" s="92">
        <v>8.4963976282818029E-2</v>
      </c>
      <c r="U58" s="177">
        <v>0.52809723214832516</v>
      </c>
      <c r="V58" s="92">
        <v>0.11687593019201178</v>
      </c>
    </row>
    <row r="61" spans="1:22" ht="18.75">
      <c r="A61" s="336" t="s">
        <v>233</v>
      </c>
      <c r="B61" s="336"/>
      <c r="C61" s="336"/>
      <c r="D61" s="336"/>
    </row>
    <row r="62" spans="1:22" ht="112.5" customHeight="1">
      <c r="A62" s="389" t="s">
        <v>395</v>
      </c>
      <c r="B62" s="389"/>
      <c r="C62" s="389"/>
      <c r="D62" s="389"/>
    </row>
    <row r="63" spans="1:22" ht="39" customHeight="1">
      <c r="A63" s="402" t="s">
        <v>234</v>
      </c>
      <c r="B63" s="402"/>
      <c r="C63" s="402"/>
      <c r="D63" s="402"/>
    </row>
    <row r="64" spans="1:22" ht="39" customHeight="1">
      <c r="A64" s="32" t="s">
        <v>71</v>
      </c>
      <c r="B64" s="33" t="s">
        <v>72</v>
      </c>
      <c r="C64" s="34" t="s">
        <v>588</v>
      </c>
      <c r="D64" s="35" t="s">
        <v>73</v>
      </c>
    </row>
    <row r="65" spans="1:4" ht="72">
      <c r="A65" s="36"/>
      <c r="B65" s="37" t="s">
        <v>74</v>
      </c>
      <c r="C65" s="123" t="s">
        <v>134</v>
      </c>
      <c r="D65" s="39" t="s">
        <v>76</v>
      </c>
    </row>
    <row r="66" spans="1:4">
      <c r="A66" s="40" t="s">
        <v>349</v>
      </c>
      <c r="B66" s="178">
        <v>13917</v>
      </c>
      <c r="C66" s="79">
        <v>3.2074450421480307</v>
      </c>
      <c r="D66" s="80">
        <v>2.489005461921338E-2</v>
      </c>
    </row>
    <row r="67" spans="1:4">
      <c r="A67" s="44" t="s">
        <v>350</v>
      </c>
      <c r="B67" s="44">
        <v>10206</v>
      </c>
      <c r="C67" s="181">
        <v>3.3536985486791351</v>
      </c>
      <c r="D67" s="182">
        <v>2.8654610158544529E-2</v>
      </c>
    </row>
    <row r="68" spans="1:4">
      <c r="A68" s="40" t="s">
        <v>351</v>
      </c>
      <c r="B68" s="48">
        <v>3711</v>
      </c>
      <c r="C68" s="79">
        <v>3.0887609169298753</v>
      </c>
      <c r="D68" s="80">
        <v>4.8343121708030068E-2</v>
      </c>
    </row>
    <row r="69" spans="1:4">
      <c r="A69" s="44" t="s">
        <v>533</v>
      </c>
      <c r="B69" s="44">
        <v>3203</v>
      </c>
      <c r="C69" s="181">
        <v>3.2858647482197201</v>
      </c>
      <c r="D69" s="182">
        <v>5.1461846515002956E-2</v>
      </c>
    </row>
    <row r="70" spans="1:4">
      <c r="A70" s="40" t="s">
        <v>534</v>
      </c>
      <c r="B70" s="48">
        <v>2517</v>
      </c>
      <c r="C70" s="79">
        <v>3.5775530112154699</v>
      </c>
      <c r="D70" s="80">
        <v>5.6870683453649921E-2</v>
      </c>
    </row>
    <row r="71" spans="1:4">
      <c r="A71" s="44" t="s">
        <v>535</v>
      </c>
      <c r="B71" s="44">
        <v>488</v>
      </c>
      <c r="C71" s="181">
        <v>3.5718779873778916</v>
      </c>
      <c r="D71" s="182">
        <v>0.12477502522444013</v>
      </c>
    </row>
    <row r="72" spans="1:4">
      <c r="A72" s="40" t="s">
        <v>536</v>
      </c>
      <c r="B72" s="48">
        <v>89</v>
      </c>
      <c r="C72" s="79">
        <v>3.7602993104037892</v>
      </c>
      <c r="D72" s="80">
        <v>0.30275286569388571</v>
      </c>
    </row>
    <row r="73" spans="1:4">
      <c r="A73" s="44" t="s">
        <v>537</v>
      </c>
      <c r="B73" s="44">
        <v>140</v>
      </c>
      <c r="C73" s="181">
        <v>3.7465685791807593</v>
      </c>
      <c r="D73" s="182">
        <v>0.22191885187731383</v>
      </c>
    </row>
    <row r="74" spans="1:4">
      <c r="A74" s="40" t="s">
        <v>538</v>
      </c>
      <c r="B74" s="48">
        <v>107</v>
      </c>
      <c r="C74" s="79">
        <v>3.6443580962727742</v>
      </c>
      <c r="D74" s="80">
        <v>0.28168661449181454</v>
      </c>
    </row>
    <row r="75" spans="1:4">
      <c r="A75" s="44" t="s">
        <v>539</v>
      </c>
      <c r="B75" s="44">
        <v>152</v>
      </c>
      <c r="C75" s="181">
        <v>3.3541521814062918</v>
      </c>
      <c r="D75" s="182">
        <v>0.2188418430654864</v>
      </c>
    </row>
    <row r="76" spans="1:4">
      <c r="A76" s="40" t="s">
        <v>540</v>
      </c>
      <c r="B76" s="178">
        <v>342</v>
      </c>
      <c r="C76" s="79">
        <v>3.7804265364541894</v>
      </c>
      <c r="D76" s="80">
        <v>0.15942734083029317</v>
      </c>
    </row>
    <row r="77" spans="1:4">
      <c r="A77" s="44" t="s">
        <v>541</v>
      </c>
      <c r="B77" s="180">
        <v>113</v>
      </c>
      <c r="C77" s="181">
        <v>3.5322607614211963</v>
      </c>
      <c r="D77" s="182">
        <v>0.25700495888232799</v>
      </c>
    </row>
    <row r="78" spans="1:4">
      <c r="A78" s="40" t="s">
        <v>542</v>
      </c>
      <c r="B78" s="78">
        <v>95</v>
      </c>
      <c r="C78" s="79">
        <v>3.7357237936215508</v>
      </c>
      <c r="D78" s="80">
        <v>0.30975928922253132</v>
      </c>
    </row>
    <row r="79" spans="1:4">
      <c r="A79" s="44" t="s">
        <v>543</v>
      </c>
      <c r="B79" s="180">
        <v>77</v>
      </c>
      <c r="C79" s="181">
        <v>3.8895904537451775</v>
      </c>
      <c r="D79" s="182">
        <v>0.30811309824594413</v>
      </c>
    </row>
    <row r="80" spans="1:4">
      <c r="A80" s="52" t="s">
        <v>544</v>
      </c>
      <c r="B80" s="178">
        <v>57</v>
      </c>
      <c r="C80" s="79">
        <v>4.2791827208752879</v>
      </c>
      <c r="D80" s="80">
        <v>0.45135769785929897</v>
      </c>
    </row>
    <row r="81" spans="1:30">
      <c r="A81" s="44" t="s">
        <v>545</v>
      </c>
      <c r="B81" s="180">
        <v>638</v>
      </c>
      <c r="C81" s="181">
        <v>3.7156006277339082</v>
      </c>
      <c r="D81" s="182">
        <v>0.11526704046761531</v>
      </c>
    </row>
    <row r="82" spans="1:30">
      <c r="A82" s="52" t="s">
        <v>546</v>
      </c>
      <c r="B82" s="178">
        <v>67</v>
      </c>
      <c r="C82" s="79">
        <v>3.7315649687726857</v>
      </c>
      <c r="D82" s="80">
        <v>0.38855094213057306</v>
      </c>
    </row>
    <row r="83" spans="1:30">
      <c r="A83" s="44" t="s">
        <v>547</v>
      </c>
      <c r="B83" s="180">
        <v>147</v>
      </c>
      <c r="C83" s="181">
        <v>3.4389427495800682</v>
      </c>
      <c r="D83" s="182">
        <v>0.22869404010090932</v>
      </c>
    </row>
    <row r="84" spans="1:30">
      <c r="A84" s="52" t="s">
        <v>548</v>
      </c>
      <c r="B84" s="178">
        <v>162</v>
      </c>
      <c r="C84" s="79">
        <v>3.6026324069328592</v>
      </c>
      <c r="D84" s="80">
        <v>0.22115669128865964</v>
      </c>
    </row>
    <row r="85" spans="1:30">
      <c r="A85" s="44" t="s">
        <v>549</v>
      </c>
      <c r="B85" s="180">
        <v>72</v>
      </c>
      <c r="C85" s="181">
        <v>3.7943599927466414</v>
      </c>
      <c r="D85" s="182">
        <v>0.39220217084896442</v>
      </c>
      <c r="P85" s="242"/>
      <c r="Q85" s="242"/>
      <c r="R85" s="242"/>
      <c r="S85" s="242"/>
      <c r="T85" s="242"/>
      <c r="U85" s="242"/>
      <c r="V85" s="242"/>
      <c r="W85" s="242"/>
      <c r="X85" s="242"/>
      <c r="Y85" s="242"/>
      <c r="Z85" s="242"/>
      <c r="AA85" s="242"/>
      <c r="AB85" s="242"/>
      <c r="AC85" s="242"/>
      <c r="AD85" s="242"/>
    </row>
    <row r="86" spans="1:30">
      <c r="A86" s="52" t="s">
        <v>550</v>
      </c>
      <c r="B86" s="178">
        <v>121</v>
      </c>
      <c r="C86" s="79">
        <v>4.0156482427647271</v>
      </c>
      <c r="D86" s="80">
        <v>0.24798896072273621</v>
      </c>
      <c r="P86" s="242"/>
      <c r="Q86" s="242"/>
      <c r="R86" s="242"/>
      <c r="S86" s="242"/>
      <c r="T86" s="242"/>
      <c r="U86" s="242"/>
      <c r="V86" s="242"/>
      <c r="W86" s="242"/>
      <c r="X86" s="242"/>
      <c r="Y86" s="242"/>
      <c r="Z86" s="242"/>
      <c r="AA86" s="242"/>
      <c r="AB86" s="242"/>
      <c r="AC86" s="242"/>
      <c r="AD86" s="242"/>
    </row>
    <row r="87" spans="1:30">
      <c r="A87" s="44" t="s">
        <v>551</v>
      </c>
      <c r="B87" s="180">
        <v>69</v>
      </c>
      <c r="C87" s="181">
        <v>3.6827217581633338</v>
      </c>
      <c r="D87" s="182">
        <v>0.35381518429267733</v>
      </c>
      <c r="P87" s="242"/>
      <c r="Q87" s="242"/>
      <c r="R87" s="242"/>
      <c r="S87" s="242"/>
      <c r="T87" s="242"/>
      <c r="U87" s="242"/>
      <c r="V87" s="242"/>
      <c r="W87" s="242"/>
      <c r="X87" s="242"/>
      <c r="Y87" s="242"/>
      <c r="Z87" s="242"/>
      <c r="AA87" s="242"/>
      <c r="AB87" s="242"/>
      <c r="AC87" s="242"/>
      <c r="AD87" s="242"/>
    </row>
    <row r="88" spans="1:30">
      <c r="P88" s="242"/>
      <c r="Q88" s="242"/>
      <c r="R88" s="242"/>
      <c r="S88" s="242"/>
      <c r="T88" s="242"/>
      <c r="U88" s="242"/>
      <c r="V88" s="242"/>
      <c r="W88" s="242"/>
      <c r="X88" s="242"/>
      <c r="Y88" s="242"/>
      <c r="Z88" s="242"/>
      <c r="AA88" s="242"/>
      <c r="AB88" s="242"/>
      <c r="AC88" s="242"/>
      <c r="AD88" s="242"/>
    </row>
    <row r="89" spans="1:30">
      <c r="P89" s="242"/>
      <c r="Q89" s="242"/>
      <c r="R89" s="242"/>
      <c r="S89" s="242"/>
      <c r="T89" s="242"/>
      <c r="U89" s="242"/>
      <c r="V89" s="242"/>
      <c r="W89" s="242"/>
      <c r="X89" s="242"/>
      <c r="Y89" s="242"/>
      <c r="Z89" s="242"/>
      <c r="AA89" s="242"/>
      <c r="AB89" s="242"/>
      <c r="AC89" s="242"/>
      <c r="AD89" s="242"/>
    </row>
    <row r="90" spans="1:30" ht="18.75">
      <c r="A90" s="336" t="s">
        <v>46</v>
      </c>
      <c r="B90" s="336"/>
      <c r="C90" s="336"/>
      <c r="D90" s="336"/>
      <c r="E90" s="336"/>
      <c r="F90" s="336"/>
      <c r="G90" s="336"/>
      <c r="H90" s="336"/>
      <c r="I90" s="336"/>
      <c r="J90" s="336"/>
      <c r="K90" s="336"/>
      <c r="L90" s="336"/>
      <c r="M90" s="336"/>
      <c r="N90" s="336"/>
      <c r="O90" s="336"/>
      <c r="P90" s="336"/>
      <c r="Q90" s="336"/>
      <c r="R90" s="336"/>
      <c r="S90" s="336"/>
      <c r="T90" s="336"/>
      <c r="U90" s="336"/>
      <c r="V90" s="336"/>
      <c r="W90" s="224"/>
      <c r="X90" s="224"/>
      <c r="Y90" s="224"/>
      <c r="Z90" s="224"/>
      <c r="AA90" s="224"/>
      <c r="AB90" s="224"/>
      <c r="AC90" s="224"/>
      <c r="AD90" s="242"/>
    </row>
    <row r="91" spans="1:30" ht="38.25" customHeight="1">
      <c r="A91" s="405" t="s">
        <v>591</v>
      </c>
      <c r="B91" s="405"/>
      <c r="C91" s="405"/>
      <c r="D91" s="405"/>
      <c r="E91" s="405"/>
      <c r="F91" s="405"/>
      <c r="G91" s="405"/>
      <c r="H91" s="405"/>
      <c r="I91" s="405"/>
      <c r="J91" s="405"/>
      <c r="K91" s="405"/>
      <c r="L91" s="405"/>
      <c r="M91" s="405"/>
      <c r="N91" s="405"/>
      <c r="O91" s="405"/>
      <c r="P91" s="405"/>
      <c r="Q91" s="405"/>
      <c r="R91" s="405"/>
      <c r="S91" s="405"/>
      <c r="T91" s="405"/>
      <c r="U91" s="405"/>
      <c r="V91" s="405"/>
      <c r="W91" s="239"/>
      <c r="X91" s="239"/>
      <c r="Y91" s="239"/>
      <c r="Z91" s="239"/>
      <c r="AA91" s="239"/>
      <c r="AB91" s="239"/>
      <c r="AC91" s="239"/>
      <c r="AD91" s="242"/>
    </row>
    <row r="92" spans="1:30" ht="38.25" customHeight="1">
      <c r="A92" s="59"/>
      <c r="B92" s="338" t="s">
        <v>396</v>
      </c>
      <c r="C92" s="338"/>
      <c r="D92" s="338"/>
      <c r="E92" s="338"/>
      <c r="F92" s="338"/>
      <c r="G92" s="338"/>
      <c r="H92" s="338"/>
      <c r="I92" s="338" t="s">
        <v>217</v>
      </c>
      <c r="J92" s="338"/>
      <c r="K92" s="338"/>
      <c r="L92" s="338"/>
      <c r="M92" s="338"/>
      <c r="N92" s="338"/>
      <c r="O92" s="338"/>
      <c r="P92" s="390" t="s">
        <v>218</v>
      </c>
      <c r="Q92" s="391"/>
      <c r="R92" s="391"/>
      <c r="S92" s="391"/>
      <c r="T92" s="391"/>
      <c r="U92" s="391"/>
      <c r="V92" s="392"/>
    </row>
    <row r="93" spans="1:30" ht="72">
      <c r="A93" s="32" t="s">
        <v>71</v>
      </c>
      <c r="B93" s="33" t="s">
        <v>72</v>
      </c>
      <c r="C93" s="33" t="s">
        <v>180</v>
      </c>
      <c r="D93" s="84" t="s">
        <v>135</v>
      </c>
      <c r="E93" s="33" t="s">
        <v>181</v>
      </c>
      <c r="F93" s="84" t="s">
        <v>136</v>
      </c>
      <c r="G93" s="33" t="s">
        <v>182</v>
      </c>
      <c r="H93" s="84" t="s">
        <v>137</v>
      </c>
      <c r="I93" s="60" t="s">
        <v>72</v>
      </c>
      <c r="J93" s="60" t="s">
        <v>180</v>
      </c>
      <c r="K93" s="83" t="s">
        <v>135</v>
      </c>
      <c r="L93" s="60" t="s">
        <v>181</v>
      </c>
      <c r="M93" s="83" t="s">
        <v>136</v>
      </c>
      <c r="N93" s="60" t="s">
        <v>182</v>
      </c>
      <c r="O93" s="83" t="s">
        <v>137</v>
      </c>
      <c r="P93" s="33" t="s">
        <v>72</v>
      </c>
      <c r="Q93" s="33" t="s">
        <v>180</v>
      </c>
      <c r="R93" s="84" t="s">
        <v>135</v>
      </c>
      <c r="S93" s="33" t="s">
        <v>181</v>
      </c>
      <c r="T93" s="84" t="s">
        <v>136</v>
      </c>
      <c r="U93" s="33" t="s">
        <v>182</v>
      </c>
      <c r="V93" s="84" t="s">
        <v>137</v>
      </c>
    </row>
    <row r="94" spans="1:30"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30">
      <c r="A95" s="40" t="s">
        <v>349</v>
      </c>
      <c r="B95" s="178">
        <v>13864</v>
      </c>
      <c r="C95" s="183">
        <v>0.36941685225473447</v>
      </c>
      <c r="D95" s="89">
        <v>8.1971291735852322E-3</v>
      </c>
      <c r="E95" s="183">
        <v>0.18191280805711105</v>
      </c>
      <c r="F95" s="89">
        <v>6.5529921928604217E-3</v>
      </c>
      <c r="G95" s="183">
        <v>0.4486703396881711</v>
      </c>
      <c r="H95" s="89">
        <v>8.4468303567892446E-3</v>
      </c>
      <c r="I95" s="178">
        <v>13874</v>
      </c>
      <c r="J95" s="183">
        <v>0.68703414810968599</v>
      </c>
      <c r="K95" s="89">
        <v>7.8727154349536518E-3</v>
      </c>
      <c r="L95" s="183">
        <v>0.10693583474896291</v>
      </c>
      <c r="M95" s="89">
        <v>5.2489435293593826E-3</v>
      </c>
      <c r="N95" s="183">
        <v>0.20603001714136485</v>
      </c>
      <c r="O95" s="89">
        <v>6.8675203366448962E-3</v>
      </c>
      <c r="P95" s="178">
        <v>13801</v>
      </c>
      <c r="Q95" s="183">
        <v>0.63243341264434283</v>
      </c>
      <c r="R95" s="89">
        <v>8.2072317890079828E-3</v>
      </c>
      <c r="S95" s="183">
        <v>0.11159186567701865</v>
      </c>
      <c r="T95" s="89">
        <v>5.3619862697563397E-3</v>
      </c>
      <c r="U95" s="183">
        <v>0.25597472167865454</v>
      </c>
      <c r="V95" s="89">
        <v>7.429224998737969E-3</v>
      </c>
    </row>
    <row r="96" spans="1:30">
      <c r="A96" s="44" t="s">
        <v>350</v>
      </c>
      <c r="B96" s="180">
        <v>10169</v>
      </c>
      <c r="C96" s="184">
        <v>0.29921799622467765</v>
      </c>
      <c r="D96" s="92">
        <v>9.0807897432153995E-3</v>
      </c>
      <c r="E96" s="184">
        <v>0.17364389363614335</v>
      </c>
      <c r="F96" s="92">
        <v>7.513556227539942E-3</v>
      </c>
      <c r="G96" s="184">
        <v>0.52713811013917389</v>
      </c>
      <c r="H96" s="92">
        <v>9.9000033665326351E-3</v>
      </c>
      <c r="I96" s="180">
        <v>10178</v>
      </c>
      <c r="J96" s="184">
        <v>0.67399356076051931</v>
      </c>
      <c r="K96" s="92">
        <v>9.2913305987163321E-3</v>
      </c>
      <c r="L96" s="184">
        <v>9.8012257373976036E-2</v>
      </c>
      <c r="M96" s="92">
        <v>5.8974672176965066E-3</v>
      </c>
      <c r="N96" s="184">
        <v>0.22799418186549908</v>
      </c>
      <c r="O96" s="92">
        <v>8.3168201397571546E-3</v>
      </c>
      <c r="P96" s="180">
        <v>10110</v>
      </c>
      <c r="Q96" s="184">
        <v>0.64785030239475649</v>
      </c>
      <c r="R96" s="92">
        <v>9.4991767243926203E-3</v>
      </c>
      <c r="S96" s="184">
        <v>9.3200115458179425E-2</v>
      </c>
      <c r="T96" s="92">
        <v>5.7858673099878671E-3</v>
      </c>
      <c r="U96" s="184">
        <v>0.25894958214705782</v>
      </c>
      <c r="V96" s="92">
        <v>8.7126847142486377E-3</v>
      </c>
    </row>
    <row r="97" spans="1:22">
      <c r="A97" s="40" t="s">
        <v>351</v>
      </c>
      <c r="B97" s="178">
        <v>3695</v>
      </c>
      <c r="C97" s="183">
        <v>0.4264237590466618</v>
      </c>
      <c r="D97" s="89">
        <v>1.6263517916383152E-2</v>
      </c>
      <c r="E97" s="183">
        <v>0.18862780685231045</v>
      </c>
      <c r="F97" s="89">
        <v>1.2873537070686917E-2</v>
      </c>
      <c r="G97" s="183">
        <v>0.38494843410102897</v>
      </c>
      <c r="H97" s="89">
        <v>1.6001883833632921E-2</v>
      </c>
      <c r="I97" s="178">
        <v>3696</v>
      </c>
      <c r="J97" s="183">
        <v>0.69762716992267959</v>
      </c>
      <c r="K97" s="89">
        <v>1.5104246853814672E-2</v>
      </c>
      <c r="L97" s="183">
        <v>0.11418456114849343</v>
      </c>
      <c r="M97" s="89">
        <v>1.0473550661158119E-2</v>
      </c>
      <c r="N97" s="183">
        <v>0.18818826892882773</v>
      </c>
      <c r="O97" s="89">
        <v>1.2860311892058386E-2</v>
      </c>
      <c r="P97" s="178">
        <v>3691</v>
      </c>
      <c r="Q97" s="183">
        <v>0.61996938191198347</v>
      </c>
      <c r="R97" s="89">
        <v>1.5971506831509177E-2</v>
      </c>
      <c r="S97" s="183">
        <v>0.12646096986470978</v>
      </c>
      <c r="T97" s="89">
        <v>1.0950523604734065E-2</v>
      </c>
      <c r="U97" s="183">
        <v>0.25356964822330663</v>
      </c>
      <c r="V97" s="89">
        <v>1.4319134386208946E-2</v>
      </c>
    </row>
    <row r="98" spans="1:22">
      <c r="A98" s="44" t="s">
        <v>533</v>
      </c>
      <c r="B98" s="180">
        <v>3191</v>
      </c>
      <c r="C98" s="184">
        <v>0.3673103064408707</v>
      </c>
      <c r="D98" s="92">
        <v>1.7058768084831876E-2</v>
      </c>
      <c r="E98" s="184">
        <v>0.1591864597328379</v>
      </c>
      <c r="F98" s="92">
        <v>1.2958911246063897E-2</v>
      </c>
      <c r="G98" s="184">
        <v>0.47350323382628573</v>
      </c>
      <c r="H98" s="92">
        <v>1.7666699556182764E-2</v>
      </c>
      <c r="I98" s="180">
        <v>3194</v>
      </c>
      <c r="J98" s="184">
        <v>0.67374679936044235</v>
      </c>
      <c r="K98" s="92">
        <v>1.6584067474733399E-2</v>
      </c>
      <c r="L98" s="184">
        <v>0.1061386310120143</v>
      </c>
      <c r="M98" s="92">
        <v>1.0915620355484525E-2</v>
      </c>
      <c r="N98" s="184">
        <v>0.22011456962753914</v>
      </c>
      <c r="O98" s="92">
        <v>1.4661491443985361E-2</v>
      </c>
      <c r="P98" s="180">
        <v>3175</v>
      </c>
      <c r="Q98" s="184">
        <v>0.60770940029820997</v>
      </c>
      <c r="R98" s="92">
        <v>1.7320612016540889E-2</v>
      </c>
      <c r="S98" s="184">
        <v>0.10727128660276199</v>
      </c>
      <c r="T98" s="92">
        <v>1.0999273632036224E-2</v>
      </c>
      <c r="U98" s="184">
        <v>0.28501931309902234</v>
      </c>
      <c r="V98" s="92">
        <v>1.6017430584087292E-2</v>
      </c>
    </row>
    <row r="99" spans="1:22">
      <c r="A99" s="40" t="s">
        <v>534</v>
      </c>
      <c r="B99" s="178">
        <v>2509</v>
      </c>
      <c r="C99" s="183">
        <v>0.25309198389321985</v>
      </c>
      <c r="D99" s="89">
        <v>1.735518107544377E-2</v>
      </c>
      <c r="E99" s="183">
        <v>0.16279426296357841</v>
      </c>
      <c r="F99" s="89">
        <v>1.4748399803003411E-2</v>
      </c>
      <c r="G99" s="183">
        <v>0.58411375314320302</v>
      </c>
      <c r="H99" s="89">
        <v>1.9664814906166769E-2</v>
      </c>
      <c r="I99" s="178">
        <v>2511</v>
      </c>
      <c r="J99" s="183">
        <v>0.60996030458608752</v>
      </c>
      <c r="K99" s="89">
        <v>1.9453657513448547E-2</v>
      </c>
      <c r="L99" s="183">
        <v>0.10022133114749321</v>
      </c>
      <c r="M99" s="89">
        <v>1.2009604830695689E-2</v>
      </c>
      <c r="N99" s="183">
        <v>0.28981836426642082</v>
      </c>
      <c r="O99" s="89">
        <v>1.8099090598130037E-2</v>
      </c>
      <c r="P99" s="178">
        <v>2496</v>
      </c>
      <c r="Q99" s="183">
        <v>0.60543992352120612</v>
      </c>
      <c r="R99" s="89">
        <v>1.9551694364008651E-2</v>
      </c>
      <c r="S99" s="183">
        <v>8.1436281411316772E-2</v>
      </c>
      <c r="T99" s="89">
        <v>1.0981044821500164E-2</v>
      </c>
      <c r="U99" s="183">
        <v>0.31312379506747751</v>
      </c>
      <c r="V99" s="89">
        <v>1.8555385086555069E-2</v>
      </c>
    </row>
    <row r="100" spans="1:22">
      <c r="A100" s="44" t="s">
        <v>535</v>
      </c>
      <c r="B100" s="180">
        <v>486</v>
      </c>
      <c r="C100" s="184">
        <v>0.27682641806919778</v>
      </c>
      <c r="D100" s="92">
        <v>4.0507333654372743E-2</v>
      </c>
      <c r="E100" s="184">
        <v>0.14208571031215203</v>
      </c>
      <c r="F100" s="92">
        <v>3.1813268477100559E-2</v>
      </c>
      <c r="G100" s="184">
        <v>0.58108787161865361</v>
      </c>
      <c r="H100" s="92">
        <v>4.458714647896779E-2</v>
      </c>
      <c r="I100" s="180">
        <v>485</v>
      </c>
      <c r="J100" s="184">
        <v>0.60049707630488314</v>
      </c>
      <c r="K100" s="92">
        <v>4.4313891659536954E-2</v>
      </c>
      <c r="L100" s="184">
        <v>0.12271211625232954</v>
      </c>
      <c r="M100" s="92">
        <v>2.9992923429147909E-2</v>
      </c>
      <c r="N100" s="184">
        <v>0.27679080744279028</v>
      </c>
      <c r="O100" s="92">
        <v>4.0547320142749914E-2</v>
      </c>
      <c r="P100" s="180">
        <v>486</v>
      </c>
      <c r="Q100" s="184">
        <v>0.59064371453683417</v>
      </c>
      <c r="R100" s="92">
        <v>4.4439117984466647E-2</v>
      </c>
      <c r="S100" s="184">
        <v>9.612847402883834E-2</v>
      </c>
      <c r="T100" s="92">
        <v>2.7035875994671311E-2</v>
      </c>
      <c r="U100" s="184">
        <v>0.31322781143433032</v>
      </c>
      <c r="V100" s="92">
        <v>4.1960463141034153E-2</v>
      </c>
    </row>
    <row r="101" spans="1:22">
      <c r="A101" s="40" t="s">
        <v>536</v>
      </c>
      <c r="B101" s="178">
        <v>88</v>
      </c>
      <c r="C101" s="183">
        <v>0.23500064473977392</v>
      </c>
      <c r="D101" s="89">
        <v>8.9866829957033142E-2</v>
      </c>
      <c r="E101" s="183">
        <v>0.11122053440476604</v>
      </c>
      <c r="F101" s="89">
        <v>6.969131714459674E-2</v>
      </c>
      <c r="G101" s="183">
        <v>0.65377882085545957</v>
      </c>
      <c r="H101" s="89">
        <v>9.9643650412265736E-2</v>
      </c>
      <c r="I101" s="178">
        <v>88</v>
      </c>
      <c r="J101" s="183">
        <v>0.51249930381153486</v>
      </c>
      <c r="K101" s="89">
        <v>0.10422739719762784</v>
      </c>
      <c r="L101" s="183">
        <v>9.4886544117421853E-2</v>
      </c>
      <c r="M101" s="89">
        <v>6.5886557245855931E-2</v>
      </c>
      <c r="N101" s="183">
        <v>0.39261415207104311</v>
      </c>
      <c r="O101" s="89">
        <v>0.10203350661538972</v>
      </c>
      <c r="P101" s="178">
        <v>89</v>
      </c>
      <c r="Q101" s="183">
        <v>0.62422030252516192</v>
      </c>
      <c r="R101" s="89">
        <v>0.10072172704806236</v>
      </c>
      <c r="S101" s="183">
        <v>5.5985881159143387E-2</v>
      </c>
      <c r="T101" s="89">
        <v>5.4652673119722571E-2</v>
      </c>
      <c r="U101" s="183">
        <v>0.31979381631569476</v>
      </c>
      <c r="V101" s="89">
        <v>9.7331965348998836E-2</v>
      </c>
    </row>
    <row r="102" spans="1:22">
      <c r="A102" s="44" t="s">
        <v>537</v>
      </c>
      <c r="B102" s="180">
        <v>140</v>
      </c>
      <c r="C102" s="184">
        <v>0.18019776745274604</v>
      </c>
      <c r="D102" s="92">
        <v>6.5262179934944028E-2</v>
      </c>
      <c r="E102" s="184">
        <v>0.17689728756344486</v>
      </c>
      <c r="F102" s="92">
        <v>6.4833939075054817E-2</v>
      </c>
      <c r="G102" s="184">
        <v>0.64290494498380835</v>
      </c>
      <c r="H102" s="92">
        <v>8.0051539796836518E-2</v>
      </c>
      <c r="I102" s="180">
        <v>140</v>
      </c>
      <c r="J102" s="184">
        <v>0.51104648858700974</v>
      </c>
      <c r="K102" s="92">
        <v>8.3314107798363873E-2</v>
      </c>
      <c r="L102" s="184">
        <v>0.22354382828243347</v>
      </c>
      <c r="M102" s="92">
        <v>7.0269128220694477E-2</v>
      </c>
      <c r="N102" s="184">
        <v>0.26540968313055674</v>
      </c>
      <c r="O102" s="92">
        <v>7.4158667619297861E-2</v>
      </c>
      <c r="P102" s="180">
        <v>138</v>
      </c>
      <c r="Q102" s="184">
        <v>0.61177085673087106</v>
      </c>
      <c r="R102" s="92">
        <v>8.1913932528627026E-2</v>
      </c>
      <c r="S102" s="184">
        <v>0.12355024465143957</v>
      </c>
      <c r="T102" s="92">
        <v>5.7201655432339536E-2</v>
      </c>
      <c r="U102" s="184">
        <v>0.2646788986176889</v>
      </c>
      <c r="V102" s="92">
        <v>7.4625792195191262E-2</v>
      </c>
    </row>
    <row r="103" spans="1:22">
      <c r="A103" s="40" t="s">
        <v>538</v>
      </c>
      <c r="B103" s="178">
        <v>107</v>
      </c>
      <c r="C103" s="183">
        <v>0.29015192421177388</v>
      </c>
      <c r="D103" s="89">
        <v>8.6801083792599251E-2</v>
      </c>
      <c r="E103" s="183">
        <v>0.18091512036915694</v>
      </c>
      <c r="F103" s="89">
        <v>7.4830897029904059E-2</v>
      </c>
      <c r="G103" s="183">
        <v>0.52893295541906837</v>
      </c>
      <c r="H103" s="89">
        <v>9.476802016828037E-2</v>
      </c>
      <c r="I103" s="178">
        <v>106</v>
      </c>
      <c r="J103" s="183">
        <v>0.56631679542052138</v>
      </c>
      <c r="K103" s="89">
        <v>9.456428611885595E-2</v>
      </c>
      <c r="L103" s="183">
        <v>0.11811127006884924</v>
      </c>
      <c r="M103" s="89">
        <v>6.4547269744790498E-2</v>
      </c>
      <c r="N103" s="183">
        <v>0.31557193451062882</v>
      </c>
      <c r="O103" s="89">
        <v>8.9119947019848489E-2</v>
      </c>
      <c r="P103" s="178">
        <v>107</v>
      </c>
      <c r="Q103" s="183">
        <v>0.57288976891673715</v>
      </c>
      <c r="R103" s="89">
        <v>9.3973946033167305E-2</v>
      </c>
      <c r="S103" s="183">
        <v>9.1915586633214627E-2</v>
      </c>
      <c r="T103" s="89">
        <v>5.8587955894033525E-2</v>
      </c>
      <c r="U103" s="183">
        <v>0.33519464445004793</v>
      </c>
      <c r="V103" s="89">
        <v>8.9997289124967975E-2</v>
      </c>
    </row>
    <row r="104" spans="1:22">
      <c r="A104" s="44" t="s">
        <v>539</v>
      </c>
      <c r="B104" s="180">
        <v>151</v>
      </c>
      <c r="C104" s="184">
        <v>0.34623758049228492</v>
      </c>
      <c r="D104" s="92">
        <v>7.6632621806330473E-2</v>
      </c>
      <c r="E104" s="184">
        <v>0.11343967017471067</v>
      </c>
      <c r="F104" s="92">
        <v>5.2837927378597528E-2</v>
      </c>
      <c r="G104" s="184">
        <v>0.54032274933300406</v>
      </c>
      <c r="H104" s="92">
        <v>8.0073661527483034E-2</v>
      </c>
      <c r="I104" s="180">
        <v>151</v>
      </c>
      <c r="J104" s="184">
        <v>0.70710548092875891</v>
      </c>
      <c r="K104" s="92">
        <v>7.3492166825701033E-2</v>
      </c>
      <c r="L104" s="184">
        <v>7.3764966743390809E-2</v>
      </c>
      <c r="M104" s="92">
        <v>4.4744304779905958E-2</v>
      </c>
      <c r="N104" s="184">
        <v>0.21912955232785014</v>
      </c>
      <c r="O104" s="92">
        <v>6.7227280114941265E-2</v>
      </c>
      <c r="P104" s="180">
        <v>152</v>
      </c>
      <c r="Q104" s="184">
        <v>0.5730637274656899</v>
      </c>
      <c r="R104" s="92">
        <v>7.9248382882710564E-2</v>
      </c>
      <c r="S104" s="184">
        <v>9.7449630893746836E-2</v>
      </c>
      <c r="T104" s="92">
        <v>4.9654383176862472E-2</v>
      </c>
      <c r="U104" s="184">
        <v>0.32948664164056285</v>
      </c>
      <c r="V104" s="92">
        <v>7.5514830381794726E-2</v>
      </c>
    </row>
    <row r="105" spans="1:22">
      <c r="A105" s="40" t="s">
        <v>540</v>
      </c>
      <c r="B105" s="178">
        <v>340</v>
      </c>
      <c r="C105" s="183">
        <v>0.20749259113740645</v>
      </c>
      <c r="D105" s="89">
        <v>4.3989643111807905E-2</v>
      </c>
      <c r="E105" s="183">
        <v>0.15139862263657966</v>
      </c>
      <c r="F105" s="89">
        <v>3.9071604396209755E-2</v>
      </c>
      <c r="G105" s="183">
        <v>0.64110878622601519</v>
      </c>
      <c r="H105" s="89">
        <v>5.1776429131835756E-2</v>
      </c>
      <c r="I105" s="178">
        <v>340</v>
      </c>
      <c r="J105" s="183">
        <v>0.55369842609974185</v>
      </c>
      <c r="K105" s="89">
        <v>5.3611777145248979E-2</v>
      </c>
      <c r="L105" s="183">
        <v>8.8337540093878175E-2</v>
      </c>
      <c r="M105" s="89">
        <v>3.1336911743156969E-2</v>
      </c>
      <c r="N105" s="183">
        <v>0.35796403380638098</v>
      </c>
      <c r="O105" s="89">
        <v>5.1747623739898115E-2</v>
      </c>
      <c r="P105" s="178">
        <v>339</v>
      </c>
      <c r="Q105" s="183">
        <v>0.57443981255948284</v>
      </c>
      <c r="R105" s="89">
        <v>5.3407198990475475E-2</v>
      </c>
      <c r="S105" s="183">
        <v>0.10509568987877493</v>
      </c>
      <c r="T105" s="89">
        <v>3.37486302406362E-2</v>
      </c>
      <c r="U105" s="183">
        <v>0.32046449756174344</v>
      </c>
      <c r="V105" s="89">
        <v>5.0480421948450586E-2</v>
      </c>
    </row>
    <row r="106" spans="1:22">
      <c r="A106" s="44" t="s">
        <v>541</v>
      </c>
      <c r="B106" s="180">
        <v>111</v>
      </c>
      <c r="C106" s="184">
        <v>0.20252034812333031</v>
      </c>
      <c r="D106" s="92">
        <v>7.6341317817755425E-2</v>
      </c>
      <c r="E106" s="184">
        <v>0.2112937076197311</v>
      </c>
      <c r="F106" s="92">
        <v>7.7425125399981157E-2</v>
      </c>
      <c r="G106" s="184">
        <v>0.58618594425693937</v>
      </c>
      <c r="H106" s="92">
        <v>9.1950786079293467E-2</v>
      </c>
      <c r="I106" s="180">
        <v>113</v>
      </c>
      <c r="J106" s="184">
        <v>0.6620263529929824</v>
      </c>
      <c r="K106" s="92">
        <v>8.7805500247287852E-2</v>
      </c>
      <c r="L106" s="184">
        <v>7.6219129607873887E-2</v>
      </c>
      <c r="M106" s="92">
        <v>5.3101914115482159E-2</v>
      </c>
      <c r="N106" s="184">
        <v>0.26175451739914413</v>
      </c>
      <c r="O106" s="92">
        <v>8.2078518692563787E-2</v>
      </c>
      <c r="P106" s="180">
        <v>111</v>
      </c>
      <c r="Q106" s="184">
        <v>0.60365296809366054</v>
      </c>
      <c r="R106" s="92">
        <v>9.1364624157104182E-2</v>
      </c>
      <c r="S106" s="184">
        <v>0.12032643043500268</v>
      </c>
      <c r="T106" s="92">
        <v>6.3438171946896896E-2</v>
      </c>
      <c r="U106" s="184">
        <v>0.27602060147133722</v>
      </c>
      <c r="V106" s="92">
        <v>8.4083270962908227E-2</v>
      </c>
    </row>
    <row r="107" spans="1:22">
      <c r="A107" s="40" t="s">
        <v>542</v>
      </c>
      <c r="B107" s="178">
        <v>95</v>
      </c>
      <c r="C107" s="183">
        <v>0.24808820553020527</v>
      </c>
      <c r="D107" s="89">
        <v>8.7977245811118168E-2</v>
      </c>
      <c r="E107" s="183">
        <v>0.13742515421068091</v>
      </c>
      <c r="F107" s="89">
        <v>7.218045453207915E-2</v>
      </c>
      <c r="G107" s="183">
        <v>0.61448664025911492</v>
      </c>
      <c r="H107" s="89">
        <v>9.8047726746435512E-2</v>
      </c>
      <c r="I107" s="178">
        <v>93</v>
      </c>
      <c r="J107" s="183">
        <v>0.57522623602866152</v>
      </c>
      <c r="K107" s="89">
        <v>0.10047271996827886</v>
      </c>
      <c r="L107" s="183">
        <v>8.905150173304785E-2</v>
      </c>
      <c r="M107" s="89">
        <v>6.2511785697318856E-2</v>
      </c>
      <c r="N107" s="183">
        <v>0.33572226223829182</v>
      </c>
      <c r="O107" s="89">
        <v>9.6365429828120575E-2</v>
      </c>
      <c r="P107" s="178">
        <v>95</v>
      </c>
      <c r="Q107" s="183">
        <v>0.57475351409463959</v>
      </c>
      <c r="R107" s="89">
        <v>9.9464089719791593E-2</v>
      </c>
      <c r="S107" s="183">
        <v>9.2925612184801415E-2</v>
      </c>
      <c r="T107" s="89">
        <v>6.2735808234783544E-2</v>
      </c>
      <c r="U107" s="183">
        <v>0.33232087372056024</v>
      </c>
      <c r="V107" s="89">
        <v>9.5157463235466561E-2</v>
      </c>
    </row>
    <row r="108" spans="1:22">
      <c r="A108" s="44" t="s">
        <v>543</v>
      </c>
      <c r="B108" s="180">
        <v>77</v>
      </c>
      <c r="C108" s="184">
        <v>0.16675323652839805</v>
      </c>
      <c r="D108" s="92">
        <v>8.5964107216184901E-2</v>
      </c>
      <c r="E108" s="184">
        <v>8.6093499422650724E-2</v>
      </c>
      <c r="F108" s="92">
        <v>6.8559779064105861E-2</v>
      </c>
      <c r="G108" s="184">
        <v>0.74715326404895122</v>
      </c>
      <c r="H108" s="92">
        <v>9.808017882989524E-2</v>
      </c>
      <c r="I108" s="180">
        <v>77</v>
      </c>
      <c r="J108" s="184">
        <v>0.47087685402931656</v>
      </c>
      <c r="K108" s="92">
        <v>0.11094065651172325</v>
      </c>
      <c r="L108" s="184">
        <v>0.14883171935074882</v>
      </c>
      <c r="M108" s="92">
        <v>8.2719151893525564E-2</v>
      </c>
      <c r="N108" s="184">
        <v>0.38029142661993459</v>
      </c>
      <c r="O108" s="92">
        <v>0.10819512184968393</v>
      </c>
      <c r="P108" s="180">
        <v>77</v>
      </c>
      <c r="Q108" s="184">
        <v>0.60189976900323539</v>
      </c>
      <c r="R108" s="92">
        <v>0.10900598063844384</v>
      </c>
      <c r="S108" s="184">
        <v>0.10775504435411072</v>
      </c>
      <c r="T108" s="92">
        <v>7.4025140169484971E-2</v>
      </c>
      <c r="U108" s="184">
        <v>0.2903451866426538</v>
      </c>
      <c r="V108" s="92">
        <v>0.10190262027582415</v>
      </c>
    </row>
    <row r="109" spans="1:22">
      <c r="A109" s="52" t="s">
        <v>544</v>
      </c>
      <c r="B109" s="178">
        <v>57</v>
      </c>
      <c r="C109" s="183">
        <v>0.19465826874327286</v>
      </c>
      <c r="D109" s="89">
        <v>0.1051440492372874</v>
      </c>
      <c r="E109" s="183">
        <v>0.16813194913049945</v>
      </c>
      <c r="F109" s="89">
        <v>0.10043646963810343</v>
      </c>
      <c r="G109" s="183">
        <v>0.6372097821262277</v>
      </c>
      <c r="H109" s="89">
        <v>0.1237558610689181</v>
      </c>
      <c r="I109" s="178">
        <v>57</v>
      </c>
      <c r="J109" s="183">
        <v>0.39758959956305029</v>
      </c>
      <c r="K109" s="89">
        <v>0.12567000080211244</v>
      </c>
      <c r="L109" s="183">
        <v>3.6723740804701188E-3</v>
      </c>
      <c r="M109" s="89">
        <v>4.7843098714106747E-2</v>
      </c>
      <c r="N109" s="183">
        <v>0.59873802635647955</v>
      </c>
      <c r="O109" s="89">
        <v>0.12583816427301128</v>
      </c>
      <c r="P109" s="178">
        <v>56</v>
      </c>
      <c r="Q109" s="183">
        <v>0.45262701145218737</v>
      </c>
      <c r="R109" s="89">
        <v>0.12859368890842662</v>
      </c>
      <c r="S109" s="183">
        <v>9.4406212643398144E-2</v>
      </c>
      <c r="T109" s="89">
        <v>8.4339281675007066E-2</v>
      </c>
      <c r="U109" s="183">
        <v>0.45296677590441442</v>
      </c>
      <c r="V109" s="89">
        <v>0.12860093158226046</v>
      </c>
    </row>
    <row r="110" spans="1:22">
      <c r="A110" s="44" t="s">
        <v>545</v>
      </c>
      <c r="B110" s="180">
        <v>636</v>
      </c>
      <c r="C110" s="184">
        <v>0.22879625697815673</v>
      </c>
      <c r="D110" s="92">
        <v>3.3294617624747114E-2</v>
      </c>
      <c r="E110" s="184">
        <v>0.12670061856804649</v>
      </c>
      <c r="F110" s="92">
        <v>2.6502834013614668E-2</v>
      </c>
      <c r="G110" s="184">
        <v>0.64450312445380054</v>
      </c>
      <c r="H110" s="92">
        <v>3.7863161992006053E-2</v>
      </c>
      <c r="I110" s="180">
        <v>637</v>
      </c>
      <c r="J110" s="184">
        <v>0.57192259622467878</v>
      </c>
      <c r="K110" s="92">
        <v>3.9091995070210002E-2</v>
      </c>
      <c r="L110" s="184">
        <v>9.7156899765849764E-2</v>
      </c>
      <c r="M110" s="92">
        <v>2.3663855624784659E-2</v>
      </c>
      <c r="N110" s="184">
        <v>0.33092050400947542</v>
      </c>
      <c r="O110" s="92">
        <v>3.7200624167924579E-2</v>
      </c>
      <c r="P110" s="180">
        <v>628</v>
      </c>
      <c r="Q110" s="184">
        <v>0.58928372118052363</v>
      </c>
      <c r="R110" s="92">
        <v>3.9146673551332792E-2</v>
      </c>
      <c r="S110" s="184">
        <v>8.9765558312146096E-2</v>
      </c>
      <c r="T110" s="92">
        <v>2.3034267771004341E-2</v>
      </c>
      <c r="U110" s="184">
        <v>0.32095072050733459</v>
      </c>
      <c r="V110" s="92">
        <v>3.7174398852285635E-2</v>
      </c>
    </row>
    <row r="111" spans="1:22">
      <c r="A111" s="52" t="s">
        <v>546</v>
      </c>
      <c r="B111" s="178">
        <v>67</v>
      </c>
      <c r="C111" s="183">
        <v>0.20798524425528736</v>
      </c>
      <c r="D111" s="89">
        <v>9.9027642084250994E-2</v>
      </c>
      <c r="E111" s="183">
        <v>0.1989149540677525</v>
      </c>
      <c r="F111" s="89">
        <v>9.7655444991330609E-2</v>
      </c>
      <c r="G111" s="183">
        <v>0.59309980167696041</v>
      </c>
      <c r="H111" s="89">
        <v>0.1168317784844103</v>
      </c>
      <c r="I111" s="178">
        <v>67</v>
      </c>
      <c r="J111" s="183">
        <v>0.64186415078265457</v>
      </c>
      <c r="K111" s="89">
        <v>0.11434524938844004</v>
      </c>
      <c r="L111" s="183">
        <v>0.11091825861329674</v>
      </c>
      <c r="M111" s="89">
        <v>8.0558727665109922E-2</v>
      </c>
      <c r="N111" s="183">
        <v>0.24721759060404888</v>
      </c>
      <c r="O111" s="89">
        <v>0.10430132977914192</v>
      </c>
      <c r="P111" s="178">
        <v>65</v>
      </c>
      <c r="Q111" s="183">
        <v>0.50289271654978096</v>
      </c>
      <c r="R111" s="89">
        <v>0.12038406516212515</v>
      </c>
      <c r="S111" s="183">
        <v>9.2492400885855336E-2</v>
      </c>
      <c r="T111" s="89">
        <v>7.7134588733353743E-2</v>
      </c>
      <c r="U111" s="183">
        <v>0.40461488256436384</v>
      </c>
      <c r="V111" s="89">
        <v>0.11842590319836277</v>
      </c>
    </row>
    <row r="112" spans="1:22">
      <c r="A112" s="44" t="s">
        <v>547</v>
      </c>
      <c r="B112" s="180">
        <v>146</v>
      </c>
      <c r="C112" s="184">
        <v>0.33341544893490005</v>
      </c>
      <c r="D112" s="92">
        <v>7.7237275237258887E-2</v>
      </c>
      <c r="E112" s="184">
        <v>0.11821275249709032</v>
      </c>
      <c r="F112" s="92">
        <v>5.4628147033695951E-2</v>
      </c>
      <c r="G112" s="184">
        <v>0.54837179856801155</v>
      </c>
      <c r="H112" s="92">
        <v>8.1286865885324841E-2</v>
      </c>
      <c r="I112" s="180">
        <v>147</v>
      </c>
      <c r="J112" s="184">
        <v>0.56792843377686419</v>
      </c>
      <c r="K112" s="92">
        <v>8.0663959091972659E-2</v>
      </c>
      <c r="L112" s="184">
        <v>0.11412984032265093</v>
      </c>
      <c r="M112" s="92">
        <v>5.3707141690677467E-2</v>
      </c>
      <c r="N112" s="184">
        <v>0.31794172590048619</v>
      </c>
      <c r="O112" s="92">
        <v>7.6094671592765797E-2</v>
      </c>
      <c r="P112" s="180">
        <v>145</v>
      </c>
      <c r="Q112" s="184">
        <v>0.72105317797403956</v>
      </c>
      <c r="R112" s="92">
        <v>7.3953345377868837E-2</v>
      </c>
      <c r="S112" s="184">
        <v>0.1116289853150999</v>
      </c>
      <c r="T112" s="92">
        <v>5.3635012331033467E-2</v>
      </c>
      <c r="U112" s="184">
        <v>0.16731783671086109</v>
      </c>
      <c r="V112" s="92">
        <v>6.2430681284038128E-2</v>
      </c>
    </row>
    <row r="113" spans="1:28">
      <c r="A113" s="52" t="s">
        <v>548</v>
      </c>
      <c r="B113" s="178">
        <v>161</v>
      </c>
      <c r="C113" s="183">
        <v>0.19429425322310684</v>
      </c>
      <c r="D113" s="89">
        <v>6.2478170330607763E-2</v>
      </c>
      <c r="E113" s="183">
        <v>7.222620705967206E-2</v>
      </c>
      <c r="F113" s="89">
        <v>4.285968712191264E-2</v>
      </c>
      <c r="G113" s="183">
        <v>0.73347953971722135</v>
      </c>
      <c r="H113" s="89">
        <v>6.9299229514770758E-2</v>
      </c>
      <c r="I113" s="178">
        <v>162</v>
      </c>
      <c r="J113" s="183">
        <v>0.56118333063037207</v>
      </c>
      <c r="K113" s="89">
        <v>7.7059643825094087E-2</v>
      </c>
      <c r="L113" s="183">
        <v>7.3732580303705456E-2</v>
      </c>
      <c r="M113" s="89">
        <v>4.3059890541527229E-2</v>
      </c>
      <c r="N113" s="183">
        <v>0.36508408906592293</v>
      </c>
      <c r="O113" s="89">
        <v>7.4875695783467616E-2</v>
      </c>
      <c r="P113" s="178">
        <v>159</v>
      </c>
      <c r="Q113" s="183">
        <v>0.68733074833426144</v>
      </c>
      <c r="R113" s="89">
        <v>7.290777502536791E-2</v>
      </c>
      <c r="S113" s="183">
        <v>7.3865433607467196E-2</v>
      </c>
      <c r="T113" s="89">
        <v>4.3529103688607552E-2</v>
      </c>
      <c r="U113" s="183">
        <v>0.23880381805827153</v>
      </c>
      <c r="V113" s="89">
        <v>6.739388113000512E-2</v>
      </c>
    </row>
    <row r="114" spans="1:28">
      <c r="A114" s="44" t="s">
        <v>549</v>
      </c>
      <c r="B114" s="180">
        <v>72</v>
      </c>
      <c r="C114" s="184">
        <v>0.331824416752317</v>
      </c>
      <c r="D114" s="92">
        <v>0.10872848548963768</v>
      </c>
      <c r="E114" s="184">
        <v>0.12730519219559544</v>
      </c>
      <c r="F114" s="92">
        <v>8.1219330678139856E-2</v>
      </c>
      <c r="G114" s="184">
        <v>0.54087039105208734</v>
      </c>
      <c r="H114" s="92">
        <v>0.11436341299975462</v>
      </c>
      <c r="I114" s="180">
        <v>71</v>
      </c>
      <c r="J114" s="184">
        <v>0.58401153659808125</v>
      </c>
      <c r="K114" s="92">
        <v>0.11399996083160245</v>
      </c>
      <c r="L114" s="184">
        <v>3.8155580917858804E-2</v>
      </c>
      <c r="M114" s="92">
        <v>5.6021443669897905E-2</v>
      </c>
      <c r="N114" s="184">
        <v>0.37783288248405961</v>
      </c>
      <c r="O114" s="92">
        <v>0.11233870731625246</v>
      </c>
      <c r="P114" s="180">
        <v>72</v>
      </c>
      <c r="Q114" s="184">
        <v>0.52078373311204684</v>
      </c>
      <c r="R114" s="92">
        <v>0.11461889017444363</v>
      </c>
      <c r="S114" s="184">
        <v>9.4738112622308968E-2</v>
      </c>
      <c r="T114" s="92">
        <v>7.3483251937844496E-2</v>
      </c>
      <c r="U114" s="184">
        <v>0.38447815426564369</v>
      </c>
      <c r="V114" s="92">
        <v>0.11192631590881243</v>
      </c>
    </row>
    <row r="115" spans="1:28">
      <c r="A115" s="52" t="s">
        <v>550</v>
      </c>
      <c r="B115" s="178">
        <v>121</v>
      </c>
      <c r="C115" s="183">
        <v>0.17149769484593311</v>
      </c>
      <c r="D115" s="89">
        <v>6.9023407679675353E-2</v>
      </c>
      <c r="E115" s="183">
        <v>0.13188869570235298</v>
      </c>
      <c r="F115" s="89">
        <v>6.2744609774945087E-2</v>
      </c>
      <c r="G115" s="183">
        <v>0.69661360945171324</v>
      </c>
      <c r="H115" s="89">
        <v>8.2709621444097117E-2</v>
      </c>
      <c r="I115" s="178">
        <v>121</v>
      </c>
      <c r="J115" s="183">
        <v>0.54727311328974704</v>
      </c>
      <c r="K115" s="89">
        <v>8.906734318742647E-2</v>
      </c>
      <c r="L115" s="183">
        <v>0.13556976693320347</v>
      </c>
      <c r="M115" s="89">
        <v>6.3385653814625867E-2</v>
      </c>
      <c r="N115" s="183">
        <v>0.3171571197770483</v>
      </c>
      <c r="O115" s="89">
        <v>8.3651441490558642E-2</v>
      </c>
      <c r="P115" s="178">
        <v>119</v>
      </c>
      <c r="Q115" s="183">
        <v>0.45830954798902768</v>
      </c>
      <c r="R115" s="89">
        <v>8.9873102011339107E-2</v>
      </c>
      <c r="S115" s="183">
        <v>4.5468219320644924E-2</v>
      </c>
      <c r="T115" s="89">
        <v>4.2910271060312026E-2</v>
      </c>
      <c r="U115" s="183">
        <v>0.496222232690326</v>
      </c>
      <c r="V115" s="89">
        <v>9.0164554463693453E-2</v>
      </c>
    </row>
    <row r="116" spans="1:28">
      <c r="A116" s="44" t="s">
        <v>551</v>
      </c>
      <c r="B116" s="180">
        <v>69</v>
      </c>
      <c r="C116" s="184">
        <v>0.23259882691468003</v>
      </c>
      <c r="D116" s="92">
        <v>0.10098634539353894</v>
      </c>
      <c r="E116" s="184">
        <v>0.20313417021003116</v>
      </c>
      <c r="F116" s="92">
        <v>9.6872768957442013E-2</v>
      </c>
      <c r="G116" s="184">
        <v>0.5642670028752883</v>
      </c>
      <c r="H116" s="92">
        <v>0.11617416811477695</v>
      </c>
      <c r="I116" s="180">
        <v>69</v>
      </c>
      <c r="J116" s="184">
        <v>0.59811015366467513</v>
      </c>
      <c r="K116" s="92">
        <v>0.11501050767490818</v>
      </c>
      <c r="L116" s="184">
        <v>7.694803985536959E-2</v>
      </c>
      <c r="M116" s="92">
        <v>7.0264922837431604E-2</v>
      </c>
      <c r="N116" s="184">
        <v>0.32494180647995496</v>
      </c>
      <c r="O116" s="92">
        <v>0.11044642036881809</v>
      </c>
      <c r="P116" s="180">
        <v>68</v>
      </c>
      <c r="Q116" s="184">
        <v>0.55449703491169333</v>
      </c>
      <c r="R116" s="92">
        <v>0.11722506809393296</v>
      </c>
      <c r="S116" s="184">
        <v>0.18024370194600522</v>
      </c>
      <c r="T116" s="92">
        <v>9.392692080546261E-2</v>
      </c>
      <c r="U116" s="184">
        <v>0.26525926314230114</v>
      </c>
      <c r="V116" s="92">
        <v>0.1056328268881969</v>
      </c>
    </row>
    <row r="119" spans="1:28" ht="18.75">
      <c r="A119" s="284" t="s">
        <v>461</v>
      </c>
      <c r="B119" s="284"/>
      <c r="C119" s="284"/>
      <c r="D119" s="284"/>
      <c r="E119" s="284"/>
      <c r="F119" s="284"/>
      <c r="G119" s="284"/>
      <c r="H119" s="284"/>
      <c r="I119" s="284"/>
      <c r="J119" s="284"/>
      <c r="K119" s="284"/>
      <c r="L119" s="284"/>
      <c r="M119" s="285"/>
      <c r="N119" s="224"/>
      <c r="O119" s="224"/>
      <c r="P119" s="224"/>
      <c r="Q119" s="224"/>
      <c r="R119" s="224"/>
      <c r="S119" s="224"/>
      <c r="T119" s="224"/>
      <c r="U119" s="224"/>
      <c r="V119" s="224"/>
      <c r="W119" s="224"/>
      <c r="X119" s="224"/>
      <c r="Y119" s="224"/>
      <c r="Z119" s="224"/>
      <c r="AA119" s="224"/>
      <c r="AB119" s="242"/>
    </row>
    <row r="120" spans="1:28" ht="53.25" customHeight="1">
      <c r="A120" s="406" t="s">
        <v>599</v>
      </c>
      <c r="B120" s="406"/>
      <c r="C120" s="406"/>
      <c r="D120" s="406"/>
      <c r="E120" s="406"/>
      <c r="F120" s="406"/>
      <c r="G120" s="406"/>
      <c r="H120" s="406"/>
      <c r="I120" s="406"/>
      <c r="J120" s="406"/>
      <c r="K120" s="406"/>
      <c r="L120" s="406"/>
      <c r="M120" s="285"/>
      <c r="N120" s="239"/>
      <c r="O120" s="239"/>
      <c r="P120" s="239"/>
      <c r="Q120" s="239"/>
      <c r="R120" s="239"/>
      <c r="S120" s="239"/>
      <c r="T120" s="239"/>
      <c r="U120" s="239"/>
      <c r="V120" s="239"/>
      <c r="W120" s="239"/>
      <c r="X120" s="239"/>
      <c r="Y120" s="239"/>
      <c r="Z120" s="239"/>
      <c r="AA120" s="239"/>
      <c r="AB120" s="242"/>
    </row>
    <row r="121" spans="1:28" ht="38.25" customHeight="1">
      <c r="A121" s="411" t="s">
        <v>235</v>
      </c>
      <c r="B121" s="412"/>
      <c r="C121" s="412"/>
      <c r="D121" s="412"/>
      <c r="E121" s="412"/>
      <c r="F121" s="412"/>
      <c r="G121" s="412"/>
      <c r="H121" s="412"/>
      <c r="I121" s="412"/>
      <c r="J121" s="412"/>
      <c r="K121" s="412"/>
      <c r="L121" s="412"/>
      <c r="M121" s="237"/>
      <c r="N121" s="242"/>
      <c r="O121" s="242"/>
      <c r="P121" s="242"/>
      <c r="Q121" s="242"/>
      <c r="R121" s="242"/>
      <c r="S121" s="242"/>
      <c r="T121" s="242"/>
      <c r="U121" s="242"/>
      <c r="V121" s="242"/>
      <c r="W121" s="242"/>
      <c r="X121" s="242"/>
      <c r="Y121" s="242"/>
      <c r="Z121" s="242"/>
      <c r="AA121" s="242"/>
      <c r="AB121" s="242"/>
    </row>
    <row r="122" spans="1:28" ht="72">
      <c r="A122" s="32" t="s">
        <v>71</v>
      </c>
      <c r="B122" s="33" t="s">
        <v>72</v>
      </c>
      <c r="C122" s="34" t="s">
        <v>589</v>
      </c>
      <c r="D122" s="35" t="s">
        <v>73</v>
      </c>
      <c r="E122" s="33" t="s">
        <v>467</v>
      </c>
      <c r="F122" s="84" t="s">
        <v>466</v>
      </c>
      <c r="G122" s="33" t="s">
        <v>462</v>
      </c>
      <c r="H122" s="84" t="s">
        <v>465</v>
      </c>
      <c r="I122" s="33" t="s">
        <v>463</v>
      </c>
      <c r="J122" s="84" t="s">
        <v>464</v>
      </c>
      <c r="K122" s="33" t="s">
        <v>301</v>
      </c>
      <c r="L122" s="84" t="s">
        <v>300</v>
      </c>
      <c r="M122" s="237"/>
      <c r="N122" s="241"/>
      <c r="O122" s="237"/>
      <c r="P122" s="241"/>
      <c r="Q122" s="237"/>
    </row>
    <row r="123" spans="1:28" ht="72">
      <c r="A123" s="36"/>
      <c r="B123" s="37" t="s">
        <v>74</v>
      </c>
      <c r="C123" s="123" t="s">
        <v>304</v>
      </c>
      <c r="D123" s="39" t="s">
        <v>76</v>
      </c>
      <c r="E123" s="37" t="s">
        <v>159</v>
      </c>
      <c r="F123" s="86" t="s">
        <v>88</v>
      </c>
      <c r="G123" s="37" t="s">
        <v>160</v>
      </c>
      <c r="H123" s="86" t="s">
        <v>88</v>
      </c>
      <c r="I123" s="37" t="s">
        <v>161</v>
      </c>
      <c r="J123" s="86" t="s">
        <v>88</v>
      </c>
      <c r="K123" s="37" t="s">
        <v>301</v>
      </c>
      <c r="L123" s="86" t="s">
        <v>88</v>
      </c>
    </row>
    <row r="124" spans="1:28">
      <c r="A124" s="40" t="s">
        <v>349</v>
      </c>
      <c r="B124" s="178">
        <v>13842</v>
      </c>
      <c r="C124" s="179">
        <v>5.1036555153933705</v>
      </c>
      <c r="D124" s="80">
        <v>2.5613062985244635E-2</v>
      </c>
      <c r="E124" s="183">
        <v>0.14001098066140449</v>
      </c>
      <c r="F124" s="89">
        <v>5.8997051367260427E-3</v>
      </c>
      <c r="G124" s="183">
        <v>0.15466386656429337</v>
      </c>
      <c r="H124" s="89">
        <v>6.1473986241741526E-3</v>
      </c>
      <c r="I124" s="183">
        <v>0.66939583980021322</v>
      </c>
      <c r="J124" s="89">
        <v>7.9961283884657681E-3</v>
      </c>
      <c r="K124" s="88">
        <v>3.5929312974102921E-2</v>
      </c>
      <c r="L124" s="89">
        <v>3.1690222023489788E-3</v>
      </c>
    </row>
    <row r="125" spans="1:28">
      <c r="A125" s="44" t="s">
        <v>350</v>
      </c>
      <c r="B125" s="180">
        <v>10160</v>
      </c>
      <c r="C125" s="181">
        <v>5.218333162847518</v>
      </c>
      <c r="D125" s="182">
        <v>2.9704039142234386E-2</v>
      </c>
      <c r="E125" s="184">
        <v>0.13618665266714181</v>
      </c>
      <c r="F125" s="92">
        <v>6.8071774798117296E-3</v>
      </c>
      <c r="G125" s="184">
        <v>0.13327815911204455</v>
      </c>
      <c r="H125" s="92">
        <v>6.7455269637586761E-3</v>
      </c>
      <c r="I125" s="184">
        <v>0.70609292582147842</v>
      </c>
      <c r="J125" s="92">
        <v>9.037921998252799E-3</v>
      </c>
      <c r="K125" s="91">
        <v>2.4442262399327314E-2</v>
      </c>
      <c r="L125" s="92">
        <v>3.0747481783533668E-3</v>
      </c>
    </row>
    <row r="126" spans="1:28">
      <c r="A126" s="40" t="s">
        <v>351</v>
      </c>
      <c r="B126" s="178">
        <v>3682</v>
      </c>
      <c r="C126" s="179">
        <v>5.0081588290137242</v>
      </c>
      <c r="D126" s="80">
        <v>5.0009313275332423E-2</v>
      </c>
      <c r="E126" s="183">
        <v>0.14312759363084968</v>
      </c>
      <c r="F126" s="89">
        <v>1.1549433724983587E-2</v>
      </c>
      <c r="G126" s="183">
        <v>0.17209201951208292</v>
      </c>
      <c r="H126" s="89">
        <v>1.2444542034473358E-2</v>
      </c>
      <c r="I126" s="183">
        <v>0.63948977149054964</v>
      </c>
      <c r="J126" s="89">
        <v>1.581858665445654E-2</v>
      </c>
      <c r="K126" s="88">
        <v>4.5290615366517697E-2</v>
      </c>
      <c r="L126" s="89">
        <v>6.8854577150971779E-3</v>
      </c>
    </row>
    <row r="127" spans="1:28">
      <c r="A127" s="44" t="s">
        <v>533</v>
      </c>
      <c r="B127" s="180">
        <v>3182</v>
      </c>
      <c r="C127" s="181">
        <v>5.225089545302275</v>
      </c>
      <c r="D127" s="182">
        <v>5.236664123558081E-2</v>
      </c>
      <c r="E127" s="184">
        <v>0.12086823437665166</v>
      </c>
      <c r="F127" s="92">
        <v>1.1569805553555516E-2</v>
      </c>
      <c r="G127" s="184">
        <v>0.13560459357673443</v>
      </c>
      <c r="H127" s="92">
        <v>1.2148340154240605E-2</v>
      </c>
      <c r="I127" s="184">
        <v>0.7074826645652742</v>
      </c>
      <c r="J127" s="92">
        <v>1.6123307479425128E-2</v>
      </c>
      <c r="K127" s="91">
        <v>3.6044507481336502E-2</v>
      </c>
      <c r="L127" s="92">
        <v>6.6558729104488415E-3</v>
      </c>
    </row>
    <row r="128" spans="1:28">
      <c r="A128" s="40" t="s">
        <v>534</v>
      </c>
      <c r="B128" s="178">
        <v>2502</v>
      </c>
      <c r="C128" s="179">
        <v>5.3735403132951962</v>
      </c>
      <c r="D128" s="80">
        <v>5.9111002998520262E-2</v>
      </c>
      <c r="E128" s="183">
        <v>0.1153603247975671</v>
      </c>
      <c r="F128" s="89">
        <v>1.2792421089192388E-2</v>
      </c>
      <c r="G128" s="183">
        <v>0.11955136967334376</v>
      </c>
      <c r="H128" s="89">
        <v>1.2990298650377201E-2</v>
      </c>
      <c r="I128" s="183">
        <v>0.74726770303842327</v>
      </c>
      <c r="J128" s="89">
        <v>1.7371289806797724E-2</v>
      </c>
      <c r="K128" s="88">
        <v>1.7820602490667511E-2</v>
      </c>
      <c r="L128" s="89">
        <v>5.3964377832264503E-3</v>
      </c>
    </row>
    <row r="129" spans="1:12">
      <c r="A129" s="44" t="s">
        <v>535</v>
      </c>
      <c r="B129" s="180">
        <v>484</v>
      </c>
      <c r="C129" s="181">
        <v>5.3562978984306815</v>
      </c>
      <c r="D129" s="182">
        <v>0.13083642415769994</v>
      </c>
      <c r="E129" s="184">
        <v>0.12100038702154482</v>
      </c>
      <c r="F129" s="92">
        <v>2.9849953780580602E-2</v>
      </c>
      <c r="G129" s="184">
        <v>0.11277872896645968</v>
      </c>
      <c r="H129" s="92">
        <v>2.8986663305151362E-2</v>
      </c>
      <c r="I129" s="184">
        <v>0.74008163052638909</v>
      </c>
      <c r="J129" s="92">
        <v>3.9805041577284185E-2</v>
      </c>
      <c r="K129" s="91">
        <v>2.6139253485608239E-2</v>
      </c>
      <c r="L129" s="92">
        <v>1.5450066566179959E-2</v>
      </c>
    </row>
    <row r="130" spans="1:12">
      <c r="A130" s="40" t="s">
        <v>536</v>
      </c>
      <c r="B130" s="178">
        <v>87</v>
      </c>
      <c r="C130" s="179">
        <v>5.0544301999997439</v>
      </c>
      <c r="D130" s="80">
        <v>0.3351449847251704</v>
      </c>
      <c r="E130" s="183">
        <v>0.18329997621071265</v>
      </c>
      <c r="F130" s="89">
        <v>8.3422607468210466E-2</v>
      </c>
      <c r="G130" s="183">
        <v>0.14194231813658495</v>
      </c>
      <c r="H130" s="89">
        <v>7.64077501891407E-2</v>
      </c>
      <c r="I130" s="183">
        <v>0.65512610657499182</v>
      </c>
      <c r="J130" s="89">
        <v>0.10011091037167438</v>
      </c>
      <c r="K130" s="88">
        <v>1.9631599077710747E-2</v>
      </c>
      <c r="L130" s="89">
        <v>4.1449771315255145E-2</v>
      </c>
    </row>
    <row r="131" spans="1:12">
      <c r="A131" s="44" t="s">
        <v>537</v>
      </c>
      <c r="B131" s="180">
        <v>137</v>
      </c>
      <c r="C131" s="181">
        <v>5.7375463692043471</v>
      </c>
      <c r="D131" s="182">
        <v>0.23047811913214838</v>
      </c>
      <c r="E131" s="184">
        <v>3.7063964487638212E-2</v>
      </c>
      <c r="F131" s="92">
        <v>3.6776948040742205E-2</v>
      </c>
      <c r="G131" s="184">
        <v>0.11761133287027581</v>
      </c>
      <c r="H131" s="92">
        <v>5.6356882671242919E-2</v>
      </c>
      <c r="I131" s="184">
        <v>0.84413750024005041</v>
      </c>
      <c r="J131" s="92">
        <v>6.2612970146618541E-2</v>
      </c>
      <c r="K131" s="91">
        <v>1.18720240203517E-3</v>
      </c>
      <c r="L131" s="92">
        <v>2.06989006954388E-2</v>
      </c>
    </row>
    <row r="132" spans="1:12">
      <c r="A132" s="40" t="s">
        <v>538</v>
      </c>
      <c r="B132" s="178">
        <v>106</v>
      </c>
      <c r="C132" s="179">
        <v>5.3211163580361367</v>
      </c>
      <c r="D132" s="80">
        <v>0.28334227760379738</v>
      </c>
      <c r="E132" s="183">
        <v>0.15694281817787206</v>
      </c>
      <c r="F132" s="89">
        <v>7.1532648159676249E-2</v>
      </c>
      <c r="G132" s="183">
        <v>6.252175316353864E-2</v>
      </c>
      <c r="H132" s="89">
        <v>5.126713631994325E-2</v>
      </c>
      <c r="I132" s="183">
        <v>0.73689567826793423</v>
      </c>
      <c r="J132" s="89">
        <v>8.4828737122804976E-2</v>
      </c>
      <c r="K132" s="88">
        <v>4.3639750390654736E-2</v>
      </c>
      <c r="L132" s="89">
        <v>4.5369774985693632E-2</v>
      </c>
    </row>
    <row r="133" spans="1:12">
      <c r="A133" s="44" t="s">
        <v>539</v>
      </c>
      <c r="B133" s="180">
        <v>154</v>
      </c>
      <c r="C133" s="181">
        <v>5.2580300330243235</v>
      </c>
      <c r="D133" s="182">
        <v>0.23296544767090746</v>
      </c>
      <c r="E133" s="184">
        <v>0.12904418944413426</v>
      </c>
      <c r="F133" s="92">
        <v>5.4950171866182632E-2</v>
      </c>
      <c r="G133" s="184">
        <v>0.12325271196386998</v>
      </c>
      <c r="H133" s="92">
        <v>5.3994202633927506E-2</v>
      </c>
      <c r="I133" s="184">
        <v>0.71280384867471114</v>
      </c>
      <c r="J133" s="92">
        <v>7.2387570281284827E-2</v>
      </c>
      <c r="K133" s="91">
        <v>3.48992499172842E-2</v>
      </c>
      <c r="L133" s="92">
        <v>3.3562899428780213E-2</v>
      </c>
    </row>
    <row r="134" spans="1:12">
      <c r="A134" s="40" t="s">
        <v>540</v>
      </c>
      <c r="B134" s="178">
        <v>342</v>
      </c>
      <c r="C134" s="179">
        <v>5.245213858777718</v>
      </c>
      <c r="D134" s="80">
        <v>0.1666603854915634</v>
      </c>
      <c r="E134" s="183">
        <v>0.15069809015003144</v>
      </c>
      <c r="F134" s="89">
        <v>3.8885180258047866E-2</v>
      </c>
      <c r="G134" s="183">
        <v>9.9505227430627119E-2</v>
      </c>
      <c r="H134" s="89">
        <v>3.284066979471903E-2</v>
      </c>
      <c r="I134" s="183">
        <v>0.74401019718861594</v>
      </c>
      <c r="J134" s="89">
        <v>4.7092055465749225E-2</v>
      </c>
      <c r="K134" s="88">
        <v>5.7864852307273618E-3</v>
      </c>
      <c r="L134" s="89">
        <v>1.1463784510811257E-2</v>
      </c>
    </row>
    <row r="135" spans="1:12">
      <c r="A135" s="44" t="s">
        <v>541</v>
      </c>
      <c r="B135" s="180">
        <v>113</v>
      </c>
      <c r="C135" s="181">
        <v>4.8150997135172933</v>
      </c>
      <c r="D135" s="182">
        <v>0.28980279902167516</v>
      </c>
      <c r="E135" s="184">
        <v>0.21119876695419684</v>
      </c>
      <c r="F135" s="92">
        <v>7.6727811879708424E-2</v>
      </c>
      <c r="G135" s="184">
        <v>0.11497885414395009</v>
      </c>
      <c r="H135" s="92">
        <v>6.1802443927057721E-2</v>
      </c>
      <c r="I135" s="184">
        <v>0.6716437745002396</v>
      </c>
      <c r="J135" s="92">
        <v>8.7220801782197821E-2</v>
      </c>
      <c r="K135" s="91">
        <v>2.1786044016140716E-3</v>
      </c>
      <c r="L135" s="92">
        <v>2.5372150248985398E-2</v>
      </c>
    </row>
    <row r="136" spans="1:12">
      <c r="A136" s="40" t="s">
        <v>542</v>
      </c>
      <c r="B136" s="178">
        <v>95</v>
      </c>
      <c r="C136" s="179">
        <v>5.6764213619972983</v>
      </c>
      <c r="D136" s="80">
        <v>0.28333434197822149</v>
      </c>
      <c r="E136" s="183">
        <v>5.4936907699432214E-2</v>
      </c>
      <c r="F136" s="89">
        <v>5.2262753847548207E-2</v>
      </c>
      <c r="G136" s="183">
        <v>7.9971343364120956E-2</v>
      </c>
      <c r="H136" s="89">
        <v>5.9473925494658582E-2</v>
      </c>
      <c r="I136" s="183">
        <v>0.84953858339657529</v>
      </c>
      <c r="J136" s="89">
        <v>7.453457819349163E-2</v>
      </c>
      <c r="K136" s="88">
        <v>1.5553165539871986E-2</v>
      </c>
      <c r="L136" s="89">
        <v>3.7005533132655699E-2</v>
      </c>
    </row>
    <row r="137" spans="1:12">
      <c r="A137" s="44" t="s">
        <v>543</v>
      </c>
      <c r="B137" s="180">
        <v>77</v>
      </c>
      <c r="C137" s="181">
        <v>5.3608204368419425</v>
      </c>
      <c r="D137" s="182">
        <v>0.33998234480681389</v>
      </c>
      <c r="E137" s="184">
        <v>0.14527956978751588</v>
      </c>
      <c r="F137" s="92">
        <v>8.2040004080748741E-2</v>
      </c>
      <c r="G137" s="184">
        <v>9.5908255338478993E-2</v>
      </c>
      <c r="H137" s="92">
        <v>7.1124677531116814E-2</v>
      </c>
      <c r="I137" s="184">
        <v>0.75881217487400521</v>
      </c>
      <c r="J137" s="92">
        <v>9.6728865370551226E-2</v>
      </c>
      <c r="K137" s="91">
        <v>0</v>
      </c>
      <c r="L137" s="92">
        <v>3.4485061975244265E-2</v>
      </c>
    </row>
    <row r="138" spans="1:12">
      <c r="A138" s="52" t="s">
        <v>544</v>
      </c>
      <c r="B138" s="178">
        <v>57</v>
      </c>
      <c r="C138" s="179">
        <v>5.0114203304102034</v>
      </c>
      <c r="D138" s="80">
        <v>0.44382428955612607</v>
      </c>
      <c r="E138" s="183">
        <v>0.25165219546548312</v>
      </c>
      <c r="F138" s="89">
        <v>0.11341116320079288</v>
      </c>
      <c r="G138" s="183">
        <v>0.1172463096615271</v>
      </c>
      <c r="H138" s="89">
        <v>8.947307984082066E-2</v>
      </c>
      <c r="I138" s="183">
        <v>0.62999528411965622</v>
      </c>
      <c r="J138" s="89">
        <v>0.12420099927875965</v>
      </c>
      <c r="K138" s="88">
        <v>1.1062107533334462E-3</v>
      </c>
      <c r="L138" s="89">
        <v>4.6289698938024454E-2</v>
      </c>
    </row>
    <row r="139" spans="1:12">
      <c r="A139" s="44" t="s">
        <v>545</v>
      </c>
      <c r="B139" s="180">
        <v>636</v>
      </c>
      <c r="C139" s="181">
        <v>5.4721121804438244</v>
      </c>
      <c r="D139" s="182">
        <v>0.12507468383309667</v>
      </c>
      <c r="E139" s="184">
        <v>0.11764998794761995</v>
      </c>
      <c r="F139" s="92">
        <v>2.569413257721654E-2</v>
      </c>
      <c r="G139" s="184">
        <v>0.112106338686062</v>
      </c>
      <c r="H139" s="92">
        <v>2.5176054938983169E-2</v>
      </c>
      <c r="I139" s="184">
        <v>0.75819210690052674</v>
      </c>
      <c r="J139" s="92">
        <v>3.3927083710440904E-2</v>
      </c>
      <c r="K139" s="91">
        <v>1.2051566465791981E-2</v>
      </c>
      <c r="L139" s="92">
        <v>9.6414458847390687E-3</v>
      </c>
    </row>
    <row r="140" spans="1:12">
      <c r="A140" s="52" t="s">
        <v>546</v>
      </c>
      <c r="B140" s="178">
        <v>66</v>
      </c>
      <c r="C140" s="179">
        <v>4.9226219798314306</v>
      </c>
      <c r="D140" s="80">
        <v>0.40065966655351992</v>
      </c>
      <c r="E140" s="183">
        <v>0.1660552000800431</v>
      </c>
      <c r="F140" s="89">
        <v>9.2847577049610025E-2</v>
      </c>
      <c r="G140" s="183">
        <v>0.13205066625940101</v>
      </c>
      <c r="H140" s="89">
        <v>8.6071058964818661E-2</v>
      </c>
      <c r="I140" s="183">
        <v>0.65299034454876081</v>
      </c>
      <c r="J140" s="89">
        <v>0.11444087761248886</v>
      </c>
      <c r="K140" s="88">
        <v>4.8903789111795326E-2</v>
      </c>
      <c r="L140" s="89">
        <v>6.2839253513980106E-2</v>
      </c>
    </row>
    <row r="141" spans="1:12">
      <c r="A141" s="44" t="s">
        <v>547</v>
      </c>
      <c r="B141" s="180">
        <v>147</v>
      </c>
      <c r="C141" s="181">
        <v>5.6495939926455199</v>
      </c>
      <c r="D141" s="182">
        <v>0.23736150012266469</v>
      </c>
      <c r="E141" s="184">
        <v>4.9664780241098334E-2</v>
      </c>
      <c r="F141" s="92">
        <v>3.9129720006797285E-2</v>
      </c>
      <c r="G141" s="184">
        <v>0.11770065622594711</v>
      </c>
      <c r="H141" s="92">
        <v>5.4344461074410801E-2</v>
      </c>
      <c r="I141" s="184">
        <v>0.81557915167517137</v>
      </c>
      <c r="J141" s="92">
        <v>6.420501440486634E-2</v>
      </c>
      <c r="K141" s="91">
        <v>1.7055411857784402E-2</v>
      </c>
      <c r="L141" s="92">
        <v>2.7696416826066932E-2</v>
      </c>
    </row>
    <row r="142" spans="1:12">
      <c r="A142" s="52" t="s">
        <v>548</v>
      </c>
      <c r="B142" s="178">
        <v>161</v>
      </c>
      <c r="C142" s="179">
        <v>5.7238349727132354</v>
      </c>
      <c r="D142" s="80">
        <v>0.24054634083726437</v>
      </c>
      <c r="E142" s="183">
        <v>0.10853429208460023</v>
      </c>
      <c r="F142" s="89">
        <v>5.0234508958086128E-2</v>
      </c>
      <c r="G142" s="183">
        <v>8.9974030216145279E-2</v>
      </c>
      <c r="H142" s="89">
        <v>4.6692088900767509E-2</v>
      </c>
      <c r="I142" s="183">
        <v>0.78822535660729676</v>
      </c>
      <c r="J142" s="89">
        <v>6.4367344447530131E-2</v>
      </c>
      <c r="K142" s="88">
        <v>1.3266321091958046E-2</v>
      </c>
      <c r="L142" s="89">
        <v>2.4339828844050677E-2</v>
      </c>
    </row>
    <row r="143" spans="1:12">
      <c r="A143" s="44" t="s">
        <v>549</v>
      </c>
      <c r="B143" s="180">
        <v>71</v>
      </c>
      <c r="C143" s="181">
        <v>4.3410434468737593</v>
      </c>
      <c r="D143" s="182">
        <v>0.38455860975982414</v>
      </c>
      <c r="E143" s="184">
        <v>0.32010634414255057</v>
      </c>
      <c r="F143" s="92">
        <v>0.10856595882386046</v>
      </c>
      <c r="G143" s="184">
        <v>0.20180478020000969</v>
      </c>
      <c r="H143" s="92">
        <v>9.5306249752920277E-2</v>
      </c>
      <c r="I143" s="184">
        <v>0.47808887565743896</v>
      </c>
      <c r="J143" s="92">
        <v>0.11537064846967542</v>
      </c>
      <c r="K143" s="91">
        <v>0</v>
      </c>
      <c r="L143" s="92">
        <v>3.7206132509255738E-2</v>
      </c>
    </row>
    <row r="144" spans="1:12">
      <c r="A144" s="52" t="s">
        <v>550</v>
      </c>
      <c r="B144" s="178">
        <v>122</v>
      </c>
      <c r="C144" s="179">
        <v>5.6971993116885491</v>
      </c>
      <c r="D144" s="80">
        <v>0.27576070429171762</v>
      </c>
      <c r="E144" s="183">
        <v>0.1101841915098925</v>
      </c>
      <c r="F144" s="89">
        <v>5.8428769651091603E-2</v>
      </c>
      <c r="G144" s="183">
        <v>5.7241758456251707E-2</v>
      </c>
      <c r="H144" s="89">
        <v>4.5847999854182697E-2</v>
      </c>
      <c r="I144" s="183">
        <v>0.82718774762811764</v>
      </c>
      <c r="J144" s="89">
        <v>6.8923060609738934E-2</v>
      </c>
      <c r="K144" s="88">
        <v>5.3863024057378139E-3</v>
      </c>
      <c r="L144" s="89">
        <v>2.5599855604251948E-2</v>
      </c>
    </row>
    <row r="145" spans="1:15">
      <c r="A145" s="44" t="s">
        <v>551</v>
      </c>
      <c r="B145" s="180">
        <v>69</v>
      </c>
      <c r="C145" s="181">
        <v>5.243630301802261</v>
      </c>
      <c r="D145" s="182">
        <v>0.35196767034089238</v>
      </c>
      <c r="E145" s="184">
        <v>9.1529261932956893E-2</v>
      </c>
      <c r="F145" s="92">
        <v>7.436874218161528E-2</v>
      </c>
      <c r="G145" s="184">
        <v>0.19827999401182933</v>
      </c>
      <c r="H145" s="92">
        <v>9.6135790155372408E-2</v>
      </c>
      <c r="I145" s="184">
        <v>0.71019074405521332</v>
      </c>
      <c r="J145" s="92">
        <v>0.10740497247286503</v>
      </c>
      <c r="K145" s="91">
        <v>0</v>
      </c>
      <c r="L145" s="92">
        <v>3.821112970151376E-2</v>
      </c>
    </row>
    <row r="146" spans="1:15" s="238" customFormat="1">
      <c r="A146" s="231"/>
      <c r="B146" s="240"/>
      <c r="C146" s="241"/>
      <c r="D146" s="237"/>
      <c r="E146" s="241"/>
      <c r="F146" s="237"/>
      <c r="G146" s="241"/>
      <c r="H146" s="237"/>
      <c r="I146"/>
      <c r="J146"/>
      <c r="K146"/>
      <c r="L146"/>
      <c r="M146"/>
      <c r="N146"/>
      <c r="O146"/>
    </row>
    <row r="147" spans="1:15" s="238" customFormat="1">
      <c r="A147" s="231"/>
      <c r="B147" s="240"/>
      <c r="C147" s="241"/>
      <c r="D147" s="237"/>
      <c r="E147" s="241"/>
      <c r="F147" s="237"/>
      <c r="G147" s="241"/>
      <c r="H147" s="237"/>
      <c r="I147"/>
      <c r="J147"/>
      <c r="K147"/>
      <c r="L147"/>
      <c r="M147"/>
      <c r="N147"/>
      <c r="O147"/>
    </row>
    <row r="148" spans="1:15" ht="18.75">
      <c r="A148" s="334" t="s">
        <v>30</v>
      </c>
      <c r="B148" s="334"/>
      <c r="C148" s="334"/>
      <c r="D148" s="334"/>
      <c r="E148" s="334"/>
      <c r="F148" s="334"/>
      <c r="G148" s="334"/>
      <c r="H148" s="334"/>
      <c r="I148" s="334"/>
      <c r="J148" s="334"/>
    </row>
    <row r="149" spans="1:15" ht="38.25" customHeight="1">
      <c r="A149" s="406" t="s">
        <v>600</v>
      </c>
      <c r="B149" s="406"/>
      <c r="C149" s="406"/>
      <c r="D149" s="406"/>
      <c r="E149" s="406"/>
      <c r="F149" s="406"/>
      <c r="G149" s="406"/>
      <c r="H149" s="406"/>
      <c r="I149" s="406"/>
      <c r="J149" s="406"/>
    </row>
    <row r="150" spans="1:15" ht="36" customHeight="1">
      <c r="A150" s="287" t="s">
        <v>220</v>
      </c>
      <c r="B150" s="288"/>
      <c r="C150" s="288"/>
      <c r="D150" s="288"/>
      <c r="E150" s="288"/>
      <c r="F150" s="288"/>
      <c r="G150" s="288"/>
      <c r="H150" s="288"/>
      <c r="I150" s="288"/>
      <c r="J150" s="288"/>
    </row>
    <row r="151" spans="1:15" ht="37.5" customHeight="1">
      <c r="A151" s="105" t="s">
        <v>71</v>
      </c>
      <c r="B151" s="33" t="s">
        <v>72</v>
      </c>
      <c r="C151" s="34" t="s">
        <v>588</v>
      </c>
      <c r="D151" s="35" t="s">
        <v>73</v>
      </c>
      <c r="E151" s="33" t="s">
        <v>219</v>
      </c>
      <c r="F151" s="84" t="s">
        <v>138</v>
      </c>
      <c r="G151" s="33" t="s">
        <v>139</v>
      </c>
      <c r="H151" s="84" t="s">
        <v>140</v>
      </c>
      <c r="I151" s="33" t="s">
        <v>318</v>
      </c>
      <c r="J151" s="84" t="s">
        <v>319</v>
      </c>
    </row>
    <row r="152" spans="1:15" ht="72">
      <c r="A152" s="106"/>
      <c r="B152" s="37" t="s">
        <v>74</v>
      </c>
      <c r="C152" s="123" t="s">
        <v>306</v>
      </c>
      <c r="D152" s="39" t="s">
        <v>76</v>
      </c>
      <c r="E152" s="37" t="s">
        <v>183</v>
      </c>
      <c r="F152" s="86" t="s">
        <v>88</v>
      </c>
      <c r="G152" s="37" t="s">
        <v>184</v>
      </c>
      <c r="H152" s="86" t="s">
        <v>88</v>
      </c>
      <c r="I152" s="37" t="s">
        <v>185</v>
      </c>
      <c r="J152" s="86" t="s">
        <v>88</v>
      </c>
    </row>
    <row r="153" spans="1:15">
      <c r="A153" s="40" t="s">
        <v>349</v>
      </c>
      <c r="B153" s="185">
        <v>13851</v>
      </c>
      <c r="C153" s="179">
        <v>3.0329160970560132</v>
      </c>
      <c r="D153" s="80">
        <v>3.6623511781898717E-2</v>
      </c>
      <c r="E153" s="186">
        <v>0.37105043020143802</v>
      </c>
      <c r="F153" s="89">
        <v>8.2084289746870275E-3</v>
      </c>
      <c r="G153" s="186">
        <v>0.34435669868004803</v>
      </c>
      <c r="H153" s="89">
        <v>8.0738051360290924E-3</v>
      </c>
      <c r="I153" s="186">
        <v>0.28459287111853304</v>
      </c>
      <c r="J153" s="89">
        <v>7.6673261852317435E-3</v>
      </c>
    </row>
    <row r="154" spans="1:15">
      <c r="A154" s="44" t="s">
        <v>350</v>
      </c>
      <c r="B154" s="44">
        <v>10168</v>
      </c>
      <c r="C154" s="181">
        <v>3.2855500810756517</v>
      </c>
      <c r="D154" s="182">
        <v>4.3504768149603079E-2</v>
      </c>
      <c r="E154" s="188">
        <v>0.33692624218903311</v>
      </c>
      <c r="F154" s="92">
        <v>9.3733640094873748E-3</v>
      </c>
      <c r="G154" s="188">
        <v>0.33185389271766746</v>
      </c>
      <c r="H154" s="92">
        <v>9.3380838807650968E-3</v>
      </c>
      <c r="I154" s="188">
        <v>0.3312198650932992</v>
      </c>
      <c r="J154" s="92">
        <v>9.3335884448259264E-3</v>
      </c>
    </row>
    <row r="155" spans="1:15">
      <c r="A155" s="40" t="s">
        <v>351</v>
      </c>
      <c r="B155" s="48">
        <v>3683</v>
      </c>
      <c r="C155" s="179">
        <v>2.8273523170568304</v>
      </c>
      <c r="D155" s="80">
        <v>6.3360027012683451E-2</v>
      </c>
      <c r="E155" s="186">
        <v>0.39881667512865937</v>
      </c>
      <c r="F155" s="89">
        <v>1.6128859226447259E-2</v>
      </c>
      <c r="G155" s="186">
        <v>0.35453000954395897</v>
      </c>
      <c r="H155" s="89">
        <v>1.5758014580535377E-2</v>
      </c>
      <c r="I155" s="186">
        <v>0.24665331532738238</v>
      </c>
      <c r="J155" s="89">
        <v>1.4203551377707875E-2</v>
      </c>
    </row>
    <row r="156" spans="1:15">
      <c r="A156" s="44" t="s">
        <v>533</v>
      </c>
      <c r="B156" s="44">
        <v>3192</v>
      </c>
      <c r="C156" s="181">
        <v>3.0787515913417267</v>
      </c>
      <c r="D156" s="182">
        <v>7.7826449997582134E-2</v>
      </c>
      <c r="E156" s="188">
        <v>0.37585384285854873</v>
      </c>
      <c r="F156" s="92">
        <v>1.7136216631009126E-2</v>
      </c>
      <c r="G156" s="188">
        <v>0.32415436800532527</v>
      </c>
      <c r="H156" s="92">
        <v>1.656162558753228E-2</v>
      </c>
      <c r="I156" s="188">
        <v>0.29999178913612157</v>
      </c>
      <c r="J156" s="92">
        <v>1.6215722924567032E-2</v>
      </c>
    </row>
    <row r="157" spans="1:15">
      <c r="A157" s="40" t="s">
        <v>534</v>
      </c>
      <c r="B157" s="48">
        <v>2514</v>
      </c>
      <c r="C157" s="179">
        <v>3.5863037810389504</v>
      </c>
      <c r="D157" s="80">
        <v>8.7849558161270824E-2</v>
      </c>
      <c r="E157" s="186">
        <v>0.30313668819716733</v>
      </c>
      <c r="F157" s="89">
        <v>1.8324056275003144E-2</v>
      </c>
      <c r="G157" s="186">
        <v>0.3002642007605385</v>
      </c>
      <c r="H157" s="89">
        <v>1.8274765444995823E-2</v>
      </c>
      <c r="I157" s="186">
        <v>0.396599111042298</v>
      </c>
      <c r="J157" s="89">
        <v>1.9498974461750598E-2</v>
      </c>
    </row>
    <row r="158" spans="1:15">
      <c r="A158" s="44" t="s">
        <v>535</v>
      </c>
      <c r="B158" s="44">
        <v>489</v>
      </c>
      <c r="C158" s="181">
        <v>3.7197181690540226</v>
      </c>
      <c r="D158" s="182">
        <v>0.19864585644713795</v>
      </c>
      <c r="E158" s="188">
        <v>0.27716558602796376</v>
      </c>
      <c r="F158" s="92">
        <v>4.0398353011852413E-2</v>
      </c>
      <c r="G158" s="188">
        <v>0.28836629333683389</v>
      </c>
      <c r="H158" s="92">
        <v>4.0876305976431444E-2</v>
      </c>
      <c r="I158" s="188">
        <v>0.43446812063520646</v>
      </c>
      <c r="J158" s="92">
        <v>4.4655542283396403E-2</v>
      </c>
    </row>
    <row r="159" spans="1:15">
      <c r="A159" s="40" t="s">
        <v>536</v>
      </c>
      <c r="B159" s="48">
        <v>89</v>
      </c>
      <c r="C159" s="179">
        <v>4.0942097585677049</v>
      </c>
      <c r="D159" s="80">
        <v>0.45652285362616929</v>
      </c>
      <c r="E159" s="186">
        <v>0.25081139902422522</v>
      </c>
      <c r="F159" s="89">
        <v>9.1141311047784571E-2</v>
      </c>
      <c r="G159" s="186">
        <v>0.24322680488756038</v>
      </c>
      <c r="H159" s="89">
        <v>9.0308233657816428E-2</v>
      </c>
      <c r="I159" s="186">
        <v>0.5059617960882139</v>
      </c>
      <c r="J159" s="89">
        <v>0.1036884184279221</v>
      </c>
    </row>
    <row r="160" spans="1:15">
      <c r="A160" s="44" t="s">
        <v>537</v>
      </c>
      <c r="B160" s="44">
        <v>140</v>
      </c>
      <c r="C160" s="181">
        <v>4.2728253346471723</v>
      </c>
      <c r="D160" s="182">
        <v>0.34786630194483775</v>
      </c>
      <c r="E160" s="188">
        <v>0.16540664006189246</v>
      </c>
      <c r="F160" s="92">
        <v>6.3285178091437494E-2</v>
      </c>
      <c r="G160" s="188">
        <v>0.30109324574123592</v>
      </c>
      <c r="H160" s="92">
        <v>7.6848257712426621E-2</v>
      </c>
      <c r="I160" s="188">
        <v>0.53350011419687138</v>
      </c>
      <c r="J160" s="92">
        <v>8.3156349402886853E-2</v>
      </c>
    </row>
    <row r="161" spans="1:10">
      <c r="A161" s="40" t="s">
        <v>538</v>
      </c>
      <c r="B161" s="48">
        <v>108</v>
      </c>
      <c r="C161" s="179">
        <v>3.4221061167924565</v>
      </c>
      <c r="D161" s="80">
        <v>0.43593347801759352</v>
      </c>
      <c r="E161" s="186">
        <v>0.3105483338419644</v>
      </c>
      <c r="F161" s="89">
        <v>8.7958187148372294E-2</v>
      </c>
      <c r="G161" s="186">
        <v>0.31479400579036126</v>
      </c>
      <c r="H161" s="89">
        <v>8.8257957577713153E-2</v>
      </c>
      <c r="I161" s="186">
        <v>0.37465766036767384</v>
      </c>
      <c r="J161" s="89">
        <v>9.1688808271338518E-2</v>
      </c>
    </row>
    <row r="162" spans="1:10">
      <c r="A162" s="44" t="s">
        <v>539</v>
      </c>
      <c r="B162" s="44">
        <v>152</v>
      </c>
      <c r="C162" s="181">
        <v>3.3804780208309047</v>
      </c>
      <c r="D162" s="182">
        <v>0.35898348367217686</v>
      </c>
      <c r="E162" s="188">
        <v>0.33940692356757779</v>
      </c>
      <c r="F162" s="92">
        <v>7.6042410374918115E-2</v>
      </c>
      <c r="G162" s="188">
        <v>0.28538212729322299</v>
      </c>
      <c r="H162" s="92">
        <v>7.2725507705801204E-2</v>
      </c>
      <c r="I162" s="188">
        <v>0.37521094913919861</v>
      </c>
      <c r="J162" s="92">
        <v>7.7660674541456878E-2</v>
      </c>
    </row>
    <row r="163" spans="1:10">
      <c r="A163" s="40" t="s">
        <v>540</v>
      </c>
      <c r="B163" s="185">
        <v>341</v>
      </c>
      <c r="C163" s="179">
        <v>3.8717075455921268</v>
      </c>
      <c r="D163" s="80">
        <v>0.23599645256223528</v>
      </c>
      <c r="E163" s="186">
        <v>0.23219366857744211</v>
      </c>
      <c r="F163" s="89">
        <v>4.5674742412085918E-2</v>
      </c>
      <c r="G163" s="186">
        <v>0.33513217671700696</v>
      </c>
      <c r="H163" s="89">
        <v>5.0898619358327582E-2</v>
      </c>
      <c r="I163" s="186">
        <v>0.43267415470555121</v>
      </c>
      <c r="J163" s="89">
        <v>5.3359239606588074E-2</v>
      </c>
    </row>
    <row r="164" spans="1:10">
      <c r="A164" s="44" t="s">
        <v>541</v>
      </c>
      <c r="B164" s="187">
        <v>113</v>
      </c>
      <c r="C164" s="181">
        <v>3.7602342991758473</v>
      </c>
      <c r="D164" s="182">
        <v>0.40136812782140047</v>
      </c>
      <c r="E164" s="188">
        <v>0.21574447286728332</v>
      </c>
      <c r="F164" s="92">
        <v>7.7267262180477761E-2</v>
      </c>
      <c r="G164" s="188">
        <v>0.40349863153204341</v>
      </c>
      <c r="H164" s="92">
        <v>9.0829671404399764E-2</v>
      </c>
      <c r="I164" s="188">
        <v>0.38075689560067361</v>
      </c>
      <c r="J164" s="92">
        <v>8.9964227720693624E-2</v>
      </c>
    </row>
    <row r="165" spans="1:10">
      <c r="A165" s="40" t="s">
        <v>542</v>
      </c>
      <c r="B165" s="49">
        <v>95</v>
      </c>
      <c r="C165" s="179">
        <v>3.7995218624732869</v>
      </c>
      <c r="D165" s="80">
        <v>0.45319583777639794</v>
      </c>
      <c r="E165" s="186">
        <v>0.2477134455318615</v>
      </c>
      <c r="F165" s="89">
        <v>8.7937283135673269E-2</v>
      </c>
      <c r="G165" s="186">
        <v>0.3184164321881533</v>
      </c>
      <c r="H165" s="89">
        <v>9.420331171700902E-2</v>
      </c>
      <c r="I165" s="186">
        <v>0.43387012227998606</v>
      </c>
      <c r="J165" s="89">
        <v>9.9691055467876336E-2</v>
      </c>
    </row>
    <row r="166" spans="1:10">
      <c r="A166" s="44" t="s">
        <v>543</v>
      </c>
      <c r="B166" s="187">
        <v>76</v>
      </c>
      <c r="C166" s="181">
        <v>3.7335796099191048</v>
      </c>
      <c r="D166" s="182">
        <v>0.48760522836179865</v>
      </c>
      <c r="E166" s="188">
        <v>0.23862724058916496</v>
      </c>
      <c r="F166" s="92">
        <v>9.7042532756457883E-2</v>
      </c>
      <c r="G166" s="188">
        <v>0.36910255446493939</v>
      </c>
      <c r="H166" s="92">
        <v>0.10829045145441893</v>
      </c>
      <c r="I166" s="188">
        <v>0.39227020494589565</v>
      </c>
      <c r="J166" s="92">
        <v>0.10943624807621664</v>
      </c>
    </row>
    <row r="167" spans="1:10">
      <c r="A167" s="52" t="s">
        <v>544</v>
      </c>
      <c r="B167" s="185">
        <v>57</v>
      </c>
      <c r="C167" s="179">
        <v>4.5669137216390459</v>
      </c>
      <c r="D167" s="80">
        <v>0.56725676732311325</v>
      </c>
      <c r="E167" s="186">
        <v>0.22150478560704442</v>
      </c>
      <c r="F167" s="89">
        <v>0.10932840117534358</v>
      </c>
      <c r="G167" s="186">
        <v>0.15123881063292868</v>
      </c>
      <c r="H167" s="89">
        <v>9.7103852797017123E-2</v>
      </c>
      <c r="I167" s="186">
        <v>0.62725640376002678</v>
      </c>
      <c r="J167" s="89">
        <v>0.12436329712076605</v>
      </c>
    </row>
    <row r="168" spans="1:10">
      <c r="A168" s="44" t="s">
        <v>545</v>
      </c>
      <c r="B168" s="187">
        <v>638</v>
      </c>
      <c r="C168" s="181">
        <v>3.6837057692528892</v>
      </c>
      <c r="D168" s="182">
        <v>0.17551516440893034</v>
      </c>
      <c r="E168" s="188">
        <v>0.29500728616996291</v>
      </c>
      <c r="F168" s="92">
        <v>3.604254968929882E-2</v>
      </c>
      <c r="G168" s="188">
        <v>0.29618670729933644</v>
      </c>
      <c r="H168" s="92">
        <v>3.6083682576121677E-2</v>
      </c>
      <c r="I168" s="188">
        <v>0.40880600653070442</v>
      </c>
      <c r="J168" s="92">
        <v>3.8813152793566709E-2</v>
      </c>
    </row>
    <row r="169" spans="1:10">
      <c r="A169" s="52" t="s">
        <v>546</v>
      </c>
      <c r="B169" s="185">
        <v>67</v>
      </c>
      <c r="C169" s="179">
        <v>4.2079805473785621</v>
      </c>
      <c r="D169" s="80">
        <v>0.54181061847813461</v>
      </c>
      <c r="E169" s="186">
        <v>0.23489611465930069</v>
      </c>
      <c r="F169" s="89">
        <v>0.10275521138424545</v>
      </c>
      <c r="G169" s="186">
        <v>0.23089865543736213</v>
      </c>
      <c r="H169" s="89">
        <v>0.10223257608340447</v>
      </c>
      <c r="I169" s="186">
        <v>0.53420522990333741</v>
      </c>
      <c r="J169" s="89">
        <v>0.118430610679055</v>
      </c>
    </row>
    <row r="170" spans="1:10">
      <c r="A170" s="44" t="s">
        <v>547</v>
      </c>
      <c r="B170" s="187">
        <v>147</v>
      </c>
      <c r="C170" s="181">
        <v>3.5008259461603406</v>
      </c>
      <c r="D170" s="182">
        <v>0.37029421845227084</v>
      </c>
      <c r="E170" s="188">
        <v>0.31096033343677687</v>
      </c>
      <c r="F170" s="92">
        <v>7.5666088610276072E-2</v>
      </c>
      <c r="G170" s="188">
        <v>0.33493334928500096</v>
      </c>
      <c r="H170" s="92">
        <v>7.7061501298446258E-2</v>
      </c>
      <c r="I170" s="188">
        <v>0.35410631727822461</v>
      </c>
      <c r="J170" s="92">
        <v>7.8026617555672417E-2</v>
      </c>
    </row>
    <row r="171" spans="1:10">
      <c r="A171" s="52" t="s">
        <v>548</v>
      </c>
      <c r="B171" s="185">
        <v>163</v>
      </c>
      <c r="C171" s="179">
        <v>3.6392171166645522</v>
      </c>
      <c r="D171" s="80">
        <v>0.35083469920926053</v>
      </c>
      <c r="E171" s="186">
        <v>0.31716932018195648</v>
      </c>
      <c r="F171" s="89">
        <v>7.2286035537720797E-2</v>
      </c>
      <c r="G171" s="186">
        <v>0.2852778204462767</v>
      </c>
      <c r="H171" s="89">
        <v>7.0256431396486976E-2</v>
      </c>
      <c r="I171" s="186">
        <v>0.39755285937176688</v>
      </c>
      <c r="J171" s="89">
        <v>7.5819093952576078E-2</v>
      </c>
    </row>
    <row r="172" spans="1:10">
      <c r="A172" s="44" t="s">
        <v>549</v>
      </c>
      <c r="B172" s="187">
        <v>72</v>
      </c>
      <c r="C172" s="181">
        <v>4.1290851726611955</v>
      </c>
      <c r="D172" s="182">
        <v>0.50728931074112948</v>
      </c>
      <c r="E172" s="188">
        <v>0.24848680764396164</v>
      </c>
      <c r="F172" s="92">
        <v>0.10084503792236001</v>
      </c>
      <c r="G172" s="188">
        <v>0.24606731370123289</v>
      </c>
      <c r="H172" s="92">
        <v>0.10055821297013277</v>
      </c>
      <c r="I172" s="188">
        <v>0.50544587865480539</v>
      </c>
      <c r="J172" s="92">
        <v>0.11470176020851693</v>
      </c>
    </row>
    <row r="173" spans="1:10">
      <c r="A173" s="52" t="s">
        <v>550</v>
      </c>
      <c r="B173" s="185">
        <v>120</v>
      </c>
      <c r="C173" s="179">
        <v>3.5534026228869942</v>
      </c>
      <c r="D173" s="80">
        <v>0.39676354065052705</v>
      </c>
      <c r="E173" s="186">
        <v>0.31299124451409366</v>
      </c>
      <c r="F173" s="89">
        <v>8.3713722929688913E-2</v>
      </c>
      <c r="G173" s="186">
        <v>0.29916404549951459</v>
      </c>
      <c r="H173" s="89">
        <v>8.2740404503119494E-2</v>
      </c>
      <c r="I173" s="186">
        <v>0.38784470998639042</v>
      </c>
      <c r="J173" s="89">
        <v>8.7661305271697423E-2</v>
      </c>
    </row>
    <row r="174" spans="1:10">
      <c r="A174" s="44" t="s">
        <v>551</v>
      </c>
      <c r="B174" s="187">
        <v>69</v>
      </c>
      <c r="C174" s="181">
        <v>3.6798134506581017</v>
      </c>
      <c r="D174" s="182">
        <v>0.52747930704740298</v>
      </c>
      <c r="E174" s="188">
        <v>0.25450531000300253</v>
      </c>
      <c r="F174" s="92">
        <v>0.10367390404093851</v>
      </c>
      <c r="G174" s="188">
        <v>0.33590061138339405</v>
      </c>
      <c r="H174" s="92">
        <v>0.11126707832264603</v>
      </c>
      <c r="I174" s="188">
        <v>0.40959407861360314</v>
      </c>
      <c r="J174" s="92">
        <v>0.11531919400990134</v>
      </c>
    </row>
    <row r="177" spans="1:4" ht="18.75">
      <c r="A177" s="336" t="s">
        <v>13</v>
      </c>
      <c r="B177" s="336"/>
      <c r="C177" s="336"/>
      <c r="D177" s="336"/>
    </row>
    <row r="178" spans="1:4" ht="92.25" customHeight="1">
      <c r="A178" s="389" t="s">
        <v>397</v>
      </c>
      <c r="B178" s="389"/>
      <c r="C178" s="389"/>
      <c r="D178" s="389"/>
    </row>
    <row r="179" spans="1:4" ht="47.25" customHeight="1">
      <c r="A179" s="410" t="s">
        <v>14</v>
      </c>
      <c r="B179" s="338"/>
      <c r="C179" s="338"/>
      <c r="D179" s="338"/>
    </row>
    <row r="180" spans="1:4" ht="72">
      <c r="A180" s="32" t="s">
        <v>71</v>
      </c>
      <c r="B180" s="33" t="s">
        <v>72</v>
      </c>
      <c r="C180" s="34" t="s">
        <v>589</v>
      </c>
      <c r="D180" s="35" t="s">
        <v>73</v>
      </c>
    </row>
    <row r="181" spans="1:4" ht="72">
      <c r="A181" s="36"/>
      <c r="B181" s="37" t="s">
        <v>74</v>
      </c>
      <c r="C181" s="123" t="s">
        <v>398</v>
      </c>
      <c r="D181" s="39" t="s">
        <v>76</v>
      </c>
    </row>
    <row r="182" spans="1:4">
      <c r="A182" s="40" t="s">
        <v>349</v>
      </c>
      <c r="B182" s="161">
        <v>13827</v>
      </c>
      <c r="C182" s="162">
        <v>5.0982380875424731</v>
      </c>
      <c r="D182" s="81">
        <v>2.4190472874140591E-2</v>
      </c>
    </row>
    <row r="183" spans="1:4">
      <c r="A183" s="44" t="s">
        <v>350</v>
      </c>
      <c r="B183" s="44">
        <v>10151</v>
      </c>
      <c r="C183" s="164">
        <v>5.3220089317492016</v>
      </c>
      <c r="D183" s="82">
        <v>2.8117786814764043E-2</v>
      </c>
    </row>
    <row r="184" spans="1:4">
      <c r="A184" s="40" t="s">
        <v>351</v>
      </c>
      <c r="B184" s="48">
        <v>3676</v>
      </c>
      <c r="C184" s="162">
        <v>4.9158790423429561</v>
      </c>
      <c r="D184" s="81">
        <v>4.4776993159336351E-2</v>
      </c>
    </row>
    <row r="185" spans="1:4">
      <c r="A185" s="44" t="s">
        <v>533</v>
      </c>
      <c r="B185" s="44">
        <v>3181</v>
      </c>
      <c r="C185" s="164">
        <v>5.1770775954979893</v>
      </c>
      <c r="D185" s="82">
        <v>4.8735139720655699E-2</v>
      </c>
    </row>
    <row r="186" spans="1:4">
      <c r="A186" s="40" t="s">
        <v>534</v>
      </c>
      <c r="B186" s="48">
        <v>2506</v>
      </c>
      <c r="C186" s="162">
        <v>5.6055221607982828</v>
      </c>
      <c r="D186" s="81">
        <v>5.384766202111748E-2</v>
      </c>
    </row>
    <row r="187" spans="1:4">
      <c r="A187" s="44" t="s">
        <v>535</v>
      </c>
      <c r="B187" s="44">
        <v>488</v>
      </c>
      <c r="C187" s="164">
        <v>5.7078935146784708</v>
      </c>
      <c r="D187" s="82">
        <v>0.11192688801192895</v>
      </c>
    </row>
    <row r="188" spans="1:4">
      <c r="A188" s="40" t="s">
        <v>536</v>
      </c>
      <c r="B188" s="48">
        <v>88</v>
      </c>
      <c r="C188" s="162">
        <v>5.8208644081309195</v>
      </c>
      <c r="D188" s="81">
        <v>0.25281422842124296</v>
      </c>
    </row>
    <row r="189" spans="1:4">
      <c r="A189" s="44" t="s">
        <v>537</v>
      </c>
      <c r="B189" s="44">
        <v>140</v>
      </c>
      <c r="C189" s="164">
        <v>5.7676224911979457</v>
      </c>
      <c r="D189" s="82">
        <v>0.20751345626819984</v>
      </c>
    </row>
    <row r="190" spans="1:4">
      <c r="A190" s="40" t="s">
        <v>538</v>
      </c>
      <c r="B190" s="48">
        <v>107</v>
      </c>
      <c r="C190" s="162">
        <v>5.4384824093682891</v>
      </c>
      <c r="D190" s="81">
        <v>0.26898719995710935</v>
      </c>
    </row>
    <row r="191" spans="1:4">
      <c r="A191" s="44" t="s">
        <v>539</v>
      </c>
      <c r="B191" s="44">
        <v>153</v>
      </c>
      <c r="C191" s="164">
        <v>5.759588557795718</v>
      </c>
      <c r="D191" s="82">
        <v>0.18838342936543384</v>
      </c>
    </row>
    <row r="192" spans="1:4">
      <c r="A192" s="40" t="s">
        <v>540</v>
      </c>
      <c r="B192" s="161">
        <v>339</v>
      </c>
      <c r="C192" s="162">
        <v>5.4676617268079388</v>
      </c>
      <c r="D192" s="81">
        <v>0.16087683839594105</v>
      </c>
    </row>
    <row r="193" spans="1:34">
      <c r="A193" s="44" t="s">
        <v>541</v>
      </c>
      <c r="B193" s="163">
        <v>112</v>
      </c>
      <c r="C193" s="164">
        <v>5.3333796899249233</v>
      </c>
      <c r="D193" s="82">
        <v>0.29351160112932079</v>
      </c>
    </row>
    <row r="194" spans="1:34">
      <c r="A194" s="40" t="s">
        <v>542</v>
      </c>
      <c r="B194" s="78">
        <v>93</v>
      </c>
      <c r="C194" s="162">
        <v>5.6153665458091382</v>
      </c>
      <c r="D194" s="81">
        <v>0.28451188679676315</v>
      </c>
    </row>
    <row r="195" spans="1:34">
      <c r="A195" s="44" t="s">
        <v>543</v>
      </c>
      <c r="B195" s="163">
        <v>77</v>
      </c>
      <c r="C195" s="164">
        <v>5.3596769441264005</v>
      </c>
      <c r="D195" s="82">
        <v>0.35520812129518298</v>
      </c>
    </row>
    <row r="196" spans="1:34">
      <c r="A196" s="52" t="s">
        <v>544</v>
      </c>
      <c r="B196" s="161">
        <v>57</v>
      </c>
      <c r="C196" s="162">
        <v>5.6272762224726121</v>
      </c>
      <c r="D196" s="81">
        <v>0.37742601260820818</v>
      </c>
    </row>
    <row r="197" spans="1:34">
      <c r="A197" s="44" t="s">
        <v>545</v>
      </c>
      <c r="B197" s="163">
        <v>637</v>
      </c>
      <c r="C197" s="164">
        <v>5.5201414956688888</v>
      </c>
      <c r="D197" s="82">
        <v>0.10971541385412427</v>
      </c>
    </row>
    <row r="198" spans="1:34">
      <c r="A198" s="52" t="s">
        <v>546</v>
      </c>
      <c r="B198" s="161">
        <v>67</v>
      </c>
      <c r="C198" s="162">
        <v>5.5614330658461304</v>
      </c>
      <c r="D198" s="81">
        <v>0.34343651048616591</v>
      </c>
    </row>
    <row r="199" spans="1:34">
      <c r="A199" s="44" t="s">
        <v>547</v>
      </c>
      <c r="B199" s="163">
        <v>147</v>
      </c>
      <c r="C199" s="164">
        <v>5.6286603875015739</v>
      </c>
      <c r="D199" s="82">
        <v>0.21019685071233285</v>
      </c>
    </row>
    <row r="200" spans="1:34">
      <c r="A200" s="52" t="s">
        <v>548</v>
      </c>
      <c r="B200" s="161">
        <v>163</v>
      </c>
      <c r="C200" s="162">
        <v>5.6327903332689919</v>
      </c>
      <c r="D200" s="81">
        <v>0.22513293546928237</v>
      </c>
    </row>
    <row r="201" spans="1:34">
      <c r="A201" s="44" t="s">
        <v>549</v>
      </c>
      <c r="B201" s="163">
        <v>72</v>
      </c>
      <c r="C201" s="164">
        <v>5.1905098411132515</v>
      </c>
      <c r="D201" s="82">
        <v>0.36835300805353738</v>
      </c>
    </row>
    <row r="202" spans="1:34">
      <c r="A202" s="52" t="s">
        <v>550</v>
      </c>
      <c r="B202" s="161">
        <v>119</v>
      </c>
      <c r="C202" s="162">
        <v>5.4445664707306598</v>
      </c>
      <c r="D202" s="81">
        <v>0.23820289664518129</v>
      </c>
    </row>
    <row r="203" spans="1:34">
      <c r="A203" s="44" t="s">
        <v>551</v>
      </c>
      <c r="B203" s="163">
        <v>69</v>
      </c>
      <c r="C203" s="164">
        <v>5.4392040951468115</v>
      </c>
      <c r="D203" s="82">
        <v>0.33053652531946065</v>
      </c>
    </row>
    <row r="206" spans="1:34" ht="18.75">
      <c r="A206" s="336" t="s">
        <v>399</v>
      </c>
      <c r="B206" s="336"/>
      <c r="C206" s="336"/>
      <c r="D206" s="336"/>
      <c r="E206" s="336"/>
      <c r="F206" s="336"/>
      <c r="G206" s="336"/>
      <c r="H206" s="336"/>
      <c r="I206" s="336"/>
      <c r="J206" s="336"/>
      <c r="K206" s="336"/>
      <c r="L206" s="336"/>
      <c r="M206" s="336"/>
      <c r="N206" s="336"/>
      <c r="O206" s="336"/>
      <c r="P206" s="336"/>
      <c r="Q206" s="336"/>
      <c r="R206" s="336"/>
      <c r="S206" s="336"/>
      <c r="T206" s="336"/>
      <c r="U206" s="336"/>
      <c r="V206" s="336"/>
      <c r="W206" s="336"/>
      <c r="X206" s="336"/>
      <c r="Y206" s="336"/>
      <c r="Z206" s="336"/>
      <c r="AA206" s="336"/>
      <c r="AB206" s="336"/>
      <c r="AC206" s="336"/>
      <c r="AD206" s="336"/>
      <c r="AE206" s="336"/>
      <c r="AF206" s="336"/>
      <c r="AG206" s="336"/>
      <c r="AH206" s="336"/>
    </row>
    <row r="207" spans="1:34" ht="58.5" customHeight="1">
      <c r="A207" s="389" t="s">
        <v>592</v>
      </c>
      <c r="B207" s="389"/>
      <c r="C207" s="389"/>
      <c r="D207" s="389"/>
      <c r="E207" s="389"/>
      <c r="F207" s="389"/>
      <c r="G207" s="389"/>
      <c r="H207" s="389"/>
      <c r="I207" s="389"/>
      <c r="J207" s="389"/>
      <c r="K207" s="389"/>
      <c r="L207" s="389"/>
      <c r="M207" s="389"/>
      <c r="N207" s="389"/>
      <c r="O207" s="389"/>
      <c r="P207" s="389"/>
      <c r="Q207" s="389"/>
      <c r="R207" s="389"/>
      <c r="S207" s="389"/>
      <c r="T207" s="389"/>
      <c r="U207" s="389"/>
      <c r="V207" s="389"/>
      <c r="W207" s="389"/>
      <c r="X207" s="389"/>
      <c r="Y207" s="389"/>
      <c r="Z207" s="389"/>
      <c r="AA207" s="389"/>
      <c r="AB207" s="389"/>
      <c r="AC207" s="389"/>
      <c r="AD207" s="389"/>
      <c r="AE207" s="389"/>
      <c r="AF207" s="389"/>
      <c r="AG207" s="389"/>
      <c r="AH207" s="389"/>
    </row>
    <row r="208" spans="1:34" ht="36" customHeight="1">
      <c r="A208" s="291"/>
      <c r="B208" s="396" t="s">
        <v>141</v>
      </c>
      <c r="C208" s="397"/>
      <c r="D208" s="397"/>
      <c r="E208" s="397"/>
      <c r="F208" s="397"/>
      <c r="G208" s="397"/>
      <c r="H208" s="397"/>
      <c r="I208" s="397"/>
      <c r="J208" s="397"/>
      <c r="K208" s="397"/>
      <c r="L208" s="397"/>
      <c r="M208" s="396" t="s">
        <v>400</v>
      </c>
      <c r="N208" s="397"/>
      <c r="O208" s="397"/>
      <c r="P208" s="397"/>
      <c r="Q208" s="397"/>
      <c r="R208" s="397"/>
      <c r="S208" s="397"/>
      <c r="T208" s="397"/>
      <c r="U208" s="397"/>
      <c r="V208" s="397"/>
      <c r="W208" s="397"/>
      <c r="X208" s="396" t="s">
        <v>401</v>
      </c>
      <c r="Y208" s="397"/>
      <c r="Z208" s="397"/>
      <c r="AA208" s="397"/>
      <c r="AB208" s="397"/>
      <c r="AC208" s="397"/>
      <c r="AD208" s="397"/>
      <c r="AE208" s="397"/>
      <c r="AF208" s="397"/>
      <c r="AG208" s="397"/>
      <c r="AH208" s="397"/>
    </row>
    <row r="209" spans="1:34" ht="39.75" customHeight="1">
      <c r="A209" s="32" t="s">
        <v>71</v>
      </c>
      <c r="B209" s="33" t="s">
        <v>72</v>
      </c>
      <c r="C209" s="34" t="s">
        <v>589</v>
      </c>
      <c r="D209" s="35" t="s">
        <v>73</v>
      </c>
      <c r="E209" s="33" t="s">
        <v>156</v>
      </c>
      <c r="F209" s="84" t="s">
        <v>85</v>
      </c>
      <c r="G209" s="33" t="s">
        <v>157</v>
      </c>
      <c r="H209" s="84" t="s">
        <v>86</v>
      </c>
      <c r="I209" s="33" t="s">
        <v>158</v>
      </c>
      <c r="J209" s="84" t="s">
        <v>87</v>
      </c>
      <c r="K209" s="33" t="s">
        <v>301</v>
      </c>
      <c r="L209" s="84" t="s">
        <v>300</v>
      </c>
      <c r="M209" s="60" t="s">
        <v>72</v>
      </c>
      <c r="N209" s="61" t="s">
        <v>589</v>
      </c>
      <c r="O209" s="62" t="s">
        <v>73</v>
      </c>
      <c r="P209" s="60" t="s">
        <v>156</v>
      </c>
      <c r="Q209" s="83" t="s">
        <v>85</v>
      </c>
      <c r="R209" s="60" t="s">
        <v>157</v>
      </c>
      <c r="S209" s="83" t="s">
        <v>86</v>
      </c>
      <c r="T209" s="60" t="s">
        <v>158</v>
      </c>
      <c r="U209" s="83" t="s">
        <v>87</v>
      </c>
      <c r="V209" s="60" t="s">
        <v>301</v>
      </c>
      <c r="W209" s="83" t="s">
        <v>300</v>
      </c>
      <c r="X209" s="33" t="s">
        <v>72</v>
      </c>
      <c r="Y209" s="34" t="s">
        <v>589</v>
      </c>
      <c r="Z209" s="35" t="s">
        <v>73</v>
      </c>
      <c r="AA209" s="33" t="s">
        <v>158</v>
      </c>
      <c r="AB209" s="84" t="s">
        <v>87</v>
      </c>
      <c r="AC209" s="33" t="s">
        <v>157</v>
      </c>
      <c r="AD209" s="84" t="s">
        <v>86</v>
      </c>
      <c r="AE209" s="33" t="s">
        <v>156</v>
      </c>
      <c r="AF209" s="84" t="s">
        <v>574</v>
      </c>
      <c r="AG209" s="33" t="s">
        <v>301</v>
      </c>
      <c r="AH209" s="84" t="s">
        <v>300</v>
      </c>
    </row>
    <row r="210" spans="1:34" ht="73.5" customHeight="1">
      <c r="A210" s="36"/>
      <c r="B210" s="37" t="s">
        <v>74</v>
      </c>
      <c r="C210" s="123" t="s">
        <v>305</v>
      </c>
      <c r="D210" s="39" t="s">
        <v>76</v>
      </c>
      <c r="E210" s="37" t="s">
        <v>159</v>
      </c>
      <c r="F210" s="86" t="s">
        <v>142</v>
      </c>
      <c r="G210" s="37" t="s">
        <v>160</v>
      </c>
      <c r="H210" s="86" t="s">
        <v>88</v>
      </c>
      <c r="I210" s="37" t="s">
        <v>161</v>
      </c>
      <c r="J210" s="86" t="s">
        <v>88</v>
      </c>
      <c r="K210" s="37" t="s">
        <v>301</v>
      </c>
      <c r="L210" s="86" t="s">
        <v>88</v>
      </c>
      <c r="M210" s="63" t="s">
        <v>74</v>
      </c>
      <c r="N210" s="254" t="s">
        <v>305</v>
      </c>
      <c r="O210" s="65" t="s">
        <v>76</v>
      </c>
      <c r="P210" s="63" t="s">
        <v>159</v>
      </c>
      <c r="Q210" s="85" t="s">
        <v>142</v>
      </c>
      <c r="R210" s="63" t="s">
        <v>160</v>
      </c>
      <c r="S210" s="85" t="s">
        <v>88</v>
      </c>
      <c r="T210" s="63" t="s">
        <v>161</v>
      </c>
      <c r="U210" s="85" t="s">
        <v>88</v>
      </c>
      <c r="V210" s="63" t="s">
        <v>301</v>
      </c>
      <c r="W210" s="85" t="s">
        <v>88</v>
      </c>
      <c r="X210" s="37" t="s">
        <v>74</v>
      </c>
      <c r="Y210" s="123" t="s">
        <v>573</v>
      </c>
      <c r="Z210" s="39" t="s">
        <v>76</v>
      </c>
      <c r="AA210" s="37" t="s">
        <v>161</v>
      </c>
      <c r="AB210" s="86" t="s">
        <v>88</v>
      </c>
      <c r="AC210" s="37" t="s">
        <v>160</v>
      </c>
      <c r="AD210" s="86" t="s">
        <v>88</v>
      </c>
      <c r="AE210" s="37" t="s">
        <v>159</v>
      </c>
      <c r="AF210" s="86" t="s">
        <v>88</v>
      </c>
      <c r="AG210" s="37" t="s">
        <v>301</v>
      </c>
      <c r="AH210" s="86" t="s">
        <v>88</v>
      </c>
    </row>
    <row r="211" spans="1:34">
      <c r="A211" s="40" t="s">
        <v>349</v>
      </c>
      <c r="B211" s="189">
        <v>13943</v>
      </c>
      <c r="C211" s="179">
        <v>5.2674529049140011</v>
      </c>
      <c r="D211" s="80">
        <v>2.5396140619569116E-2</v>
      </c>
      <c r="E211" s="186">
        <v>0.13037988512584719</v>
      </c>
      <c r="F211" s="89">
        <v>5.704396323305696E-3</v>
      </c>
      <c r="G211" s="186">
        <v>0.14594893252937521</v>
      </c>
      <c r="H211" s="89">
        <v>5.9807711118543905E-3</v>
      </c>
      <c r="I211" s="186">
        <v>0.70924715130903837</v>
      </c>
      <c r="J211" s="89">
        <v>7.6908939904346855E-3</v>
      </c>
      <c r="K211" s="186">
        <v>1.4424031035749629E-2</v>
      </c>
      <c r="L211" s="89">
        <v>2.0287744870067449E-3</v>
      </c>
      <c r="M211" s="189">
        <v>13859</v>
      </c>
      <c r="N211" s="179">
        <v>4.9898617291731453</v>
      </c>
      <c r="O211" s="80">
        <v>2.7329001428974493E-2</v>
      </c>
      <c r="P211" s="186">
        <v>0.17905338823202274</v>
      </c>
      <c r="Q211" s="89">
        <v>6.5138521239697291E-3</v>
      </c>
      <c r="R211" s="186">
        <v>0.16401517979330132</v>
      </c>
      <c r="S211" s="89">
        <v>6.2913772908889821E-3</v>
      </c>
      <c r="T211" s="186">
        <v>0.64197233469599102</v>
      </c>
      <c r="U211" s="89">
        <v>8.143832280892601E-3</v>
      </c>
      <c r="V211" s="186">
        <v>1.4959097278701537E-2</v>
      </c>
      <c r="W211" s="89">
        <v>2.0714405463674937E-3</v>
      </c>
      <c r="X211" s="189">
        <v>13854</v>
      </c>
      <c r="Y211" s="179">
        <v>5.044863519472699</v>
      </c>
      <c r="Z211" s="80">
        <v>3.0716765481605339E-2</v>
      </c>
      <c r="AA211" s="186">
        <v>0.23058309098054219</v>
      </c>
      <c r="AB211" s="89">
        <v>7.1569104274514499E-3</v>
      </c>
      <c r="AC211" s="186">
        <v>0.10805259362280144</v>
      </c>
      <c r="AD211" s="89">
        <v>5.2767513683299504E-3</v>
      </c>
      <c r="AE211" s="186">
        <v>0.64754024686774148</v>
      </c>
      <c r="AF211" s="89">
        <v>8.1167061002784049E-3</v>
      </c>
      <c r="AG211" s="186">
        <v>1.3824068528934631E-2</v>
      </c>
      <c r="AH211" s="89">
        <v>1.993595956119424E-3</v>
      </c>
    </row>
    <row r="212" spans="1:34">
      <c r="A212" s="44" t="s">
        <v>350</v>
      </c>
      <c r="B212" s="44">
        <v>10220</v>
      </c>
      <c r="C212" s="181">
        <v>5.4582937986452427</v>
      </c>
      <c r="D212" s="182">
        <v>2.9161141284772256E-2</v>
      </c>
      <c r="E212" s="188">
        <v>0.11475980873372124</v>
      </c>
      <c r="F212" s="92">
        <v>6.3080201788134381E-3</v>
      </c>
      <c r="G212" s="188">
        <v>0.12081702264701885</v>
      </c>
      <c r="H212" s="92">
        <v>6.4499017770815598E-3</v>
      </c>
      <c r="I212" s="188">
        <v>0.7541948219122131</v>
      </c>
      <c r="J212" s="92">
        <v>8.5175769222327509E-3</v>
      </c>
      <c r="K212" s="188">
        <v>1.0228346707037489E-2</v>
      </c>
      <c r="L212" s="92">
        <v>2.0085291069678415E-3</v>
      </c>
      <c r="M212" s="44">
        <v>10157</v>
      </c>
      <c r="N212" s="181">
        <v>5.1796464492033865</v>
      </c>
      <c r="O212" s="182">
        <v>3.1525837329850398E-2</v>
      </c>
      <c r="P212" s="188">
        <v>0.16256264098281814</v>
      </c>
      <c r="Q212" s="92">
        <v>7.3230370034518804E-3</v>
      </c>
      <c r="R212" s="188">
        <v>0.13803092907982234</v>
      </c>
      <c r="S212" s="92">
        <v>6.8467420952802007E-3</v>
      </c>
      <c r="T212" s="188">
        <v>0.68924169751998188</v>
      </c>
      <c r="U212" s="92">
        <v>9.1830614394183482E-3</v>
      </c>
      <c r="V212" s="188">
        <v>1.0164732417369877E-2</v>
      </c>
      <c r="W212" s="92">
        <v>2.0087676023535467E-3</v>
      </c>
      <c r="X212" s="44">
        <v>10145</v>
      </c>
      <c r="Y212" s="181">
        <v>5.3320696307010129</v>
      </c>
      <c r="Z212" s="182">
        <v>3.4626838593356107E-2</v>
      </c>
      <c r="AA212" s="188">
        <v>0.1866335940696498</v>
      </c>
      <c r="AB212" s="92">
        <v>7.7369015514828837E-3</v>
      </c>
      <c r="AC212" s="188">
        <v>9.0522174916732506E-2</v>
      </c>
      <c r="AD212" s="92">
        <v>5.7008573558275646E-3</v>
      </c>
      <c r="AE212" s="188">
        <v>0.71379178768450657</v>
      </c>
      <c r="AF212" s="92">
        <v>8.9739464397979186E-3</v>
      </c>
      <c r="AG212" s="188">
        <v>9.0524433291043378E-3</v>
      </c>
      <c r="AH212" s="92">
        <v>1.9001015753012239E-3</v>
      </c>
    </row>
    <row r="213" spans="1:34">
      <c r="A213" s="40" t="s">
        <v>351</v>
      </c>
      <c r="B213" s="48">
        <v>3723</v>
      </c>
      <c r="C213" s="179">
        <v>5.1117031039451977</v>
      </c>
      <c r="D213" s="80">
        <v>4.951252846847088E-2</v>
      </c>
      <c r="E213" s="186">
        <v>0.14302999859372642</v>
      </c>
      <c r="F213" s="89">
        <v>1.1482341147721219E-2</v>
      </c>
      <c r="G213" s="186">
        <v>0.16630232285188554</v>
      </c>
      <c r="H213" s="89">
        <v>1.2208929486818442E-2</v>
      </c>
      <c r="I213" s="186">
        <v>0.67284572029336776</v>
      </c>
      <c r="J213" s="89">
        <v>1.5372608500991874E-2</v>
      </c>
      <c r="K213" s="186">
        <v>1.782195826102102E-2</v>
      </c>
      <c r="L213" s="89">
        <v>4.3956609408566608E-3</v>
      </c>
      <c r="M213" s="48">
        <v>3702</v>
      </c>
      <c r="N213" s="179">
        <v>4.8346504973168001</v>
      </c>
      <c r="O213" s="80">
        <v>5.2490916215009328E-2</v>
      </c>
      <c r="P213" s="186">
        <v>0.192421702191273</v>
      </c>
      <c r="Q213" s="89">
        <v>1.2959303622014124E-2</v>
      </c>
      <c r="R213" s="186">
        <v>0.18507945397593281</v>
      </c>
      <c r="S213" s="89">
        <v>1.2767970386900631E-2</v>
      </c>
      <c r="T213" s="186">
        <v>0.60365316860022844</v>
      </c>
      <c r="U213" s="89">
        <v>1.6070513828775387E-2</v>
      </c>
      <c r="V213" s="186">
        <v>1.884567523256539E-2</v>
      </c>
      <c r="W213" s="89">
        <v>4.5273047846472103E-3</v>
      </c>
      <c r="X213" s="48">
        <v>3709</v>
      </c>
      <c r="Y213" s="179">
        <v>4.8107298992910357</v>
      </c>
      <c r="Z213" s="80">
        <v>6.2317355494325335E-2</v>
      </c>
      <c r="AA213" s="186">
        <v>0.26609927437951764</v>
      </c>
      <c r="AB213" s="89">
        <v>1.4509050225637487E-2</v>
      </c>
      <c r="AC213" s="186">
        <v>0.1222191622888306</v>
      </c>
      <c r="AD213" s="89">
        <v>1.0765926282271817E-2</v>
      </c>
      <c r="AE213" s="186">
        <v>0.59400147988514096</v>
      </c>
      <c r="AF213" s="89">
        <v>1.6119094541324468E-2</v>
      </c>
      <c r="AG213" s="186">
        <v>1.7680083446510748E-2</v>
      </c>
      <c r="AH213" s="89">
        <v>4.3874384546956505E-3</v>
      </c>
    </row>
    <row r="214" spans="1:34">
      <c r="A214" s="44" t="s">
        <v>533</v>
      </c>
      <c r="B214" s="44">
        <v>3207</v>
      </c>
      <c r="C214" s="181">
        <v>5.3523771500075483</v>
      </c>
      <c r="D214" s="182">
        <v>5.0605352673657636E-2</v>
      </c>
      <c r="E214" s="188">
        <v>0.11702731474654852</v>
      </c>
      <c r="F214" s="92">
        <v>1.1365620921746693E-2</v>
      </c>
      <c r="G214" s="188">
        <v>0.13642734324281569</v>
      </c>
      <c r="H214" s="92">
        <v>1.2131535343780732E-2</v>
      </c>
      <c r="I214" s="188">
        <v>0.7316835874036357</v>
      </c>
      <c r="J214" s="92">
        <v>1.5643823071449063E-2</v>
      </c>
      <c r="K214" s="188">
        <v>1.486175460699782E-2</v>
      </c>
      <c r="L214" s="92">
        <v>4.3552750445701094E-3</v>
      </c>
      <c r="M214" s="44">
        <v>3189</v>
      </c>
      <c r="N214" s="181">
        <v>5.1277083666723771</v>
      </c>
      <c r="O214" s="182">
        <v>5.4505765294657595E-2</v>
      </c>
      <c r="P214" s="188">
        <v>0.1584705581551113</v>
      </c>
      <c r="Q214" s="92">
        <v>1.2939411798158197E-2</v>
      </c>
      <c r="R214" s="188">
        <v>0.13879660080763698</v>
      </c>
      <c r="S214" s="92">
        <v>1.2253649984384959E-2</v>
      </c>
      <c r="T214" s="188">
        <v>0.6838845846508419</v>
      </c>
      <c r="U214" s="92">
        <v>1.6459999084289269E-2</v>
      </c>
      <c r="V214" s="188">
        <v>1.8848256386405745E-2</v>
      </c>
      <c r="W214" s="92">
        <v>4.888057585552625E-3</v>
      </c>
      <c r="X214" s="44">
        <v>3188</v>
      </c>
      <c r="Y214" s="181">
        <v>5.058805627772843</v>
      </c>
      <c r="Z214" s="182">
        <v>6.2482299940443964E-2</v>
      </c>
      <c r="AA214" s="188">
        <v>0.23293664589215315</v>
      </c>
      <c r="AB214" s="92">
        <v>1.49709747107407E-2</v>
      </c>
      <c r="AC214" s="188">
        <v>9.7564702973629611E-2</v>
      </c>
      <c r="AD214" s="92">
        <v>1.0528126641061413E-2</v>
      </c>
      <c r="AE214" s="188">
        <v>0.65016698203622569</v>
      </c>
      <c r="AF214" s="92">
        <v>1.6884776799961997E-2</v>
      </c>
      <c r="AG214" s="188">
        <v>1.9331669097987534E-2</v>
      </c>
      <c r="AH214" s="92">
        <v>4.9479300747393117E-3</v>
      </c>
    </row>
    <row r="215" spans="1:34">
      <c r="A215" s="40" t="s">
        <v>534</v>
      </c>
      <c r="B215" s="48">
        <v>2517</v>
      </c>
      <c r="C215" s="179">
        <v>5.7437681254314219</v>
      </c>
      <c r="D215" s="80">
        <v>5.5437213794119408E-2</v>
      </c>
      <c r="E215" s="186">
        <v>7.9582849355371355E-2</v>
      </c>
      <c r="F215" s="89">
        <v>1.0821831758018792E-2</v>
      </c>
      <c r="G215" s="186">
        <v>8.3250833269444435E-2</v>
      </c>
      <c r="H215" s="89">
        <v>1.1043948895151246E-2</v>
      </c>
      <c r="I215" s="186">
        <v>0.83160361306237585</v>
      </c>
      <c r="J215" s="89">
        <v>1.4924786222927899E-2</v>
      </c>
      <c r="K215" s="186">
        <v>5.5627043128111866E-3</v>
      </c>
      <c r="L215" s="89">
        <v>3.1633880824078779E-3</v>
      </c>
      <c r="M215" s="48">
        <v>2505</v>
      </c>
      <c r="N215" s="179">
        <v>5.4826638056066832</v>
      </c>
      <c r="O215" s="80">
        <v>5.9949997268533416E-2</v>
      </c>
      <c r="P215" s="186">
        <v>0.12030944935494615</v>
      </c>
      <c r="Q215" s="89">
        <v>1.3017717468532471E-2</v>
      </c>
      <c r="R215" s="186">
        <v>9.5216410367552407E-2</v>
      </c>
      <c r="S215" s="89">
        <v>1.1754921803480216E-2</v>
      </c>
      <c r="T215" s="186">
        <v>0.78118143095448933</v>
      </c>
      <c r="U215" s="89">
        <v>1.6520282157926815E-2</v>
      </c>
      <c r="V215" s="186">
        <v>3.2927093230152101E-3</v>
      </c>
      <c r="W215" s="89">
        <v>2.546625817122776E-3</v>
      </c>
      <c r="X215" s="48">
        <v>2502</v>
      </c>
      <c r="Y215" s="179">
        <v>5.5940091822901961</v>
      </c>
      <c r="Z215" s="80">
        <v>6.7301720736146473E-2</v>
      </c>
      <c r="AA215" s="186">
        <v>0.15736651971419083</v>
      </c>
      <c r="AB215" s="89">
        <v>1.4568919912501014E-2</v>
      </c>
      <c r="AC215" s="186">
        <v>6.8496417534788578E-2</v>
      </c>
      <c r="AD215" s="89">
        <v>1.0138591296706871E-2</v>
      </c>
      <c r="AE215" s="186">
        <v>0.76938829026251776</v>
      </c>
      <c r="AF215" s="89">
        <v>1.6839765593626092E-2</v>
      </c>
      <c r="AG215" s="186">
        <v>4.7487724885046326E-3</v>
      </c>
      <c r="AH215" s="89">
        <v>2.9652398695651492E-3</v>
      </c>
    </row>
    <row r="216" spans="1:34">
      <c r="A216" s="44" t="s">
        <v>535</v>
      </c>
      <c r="B216" s="44">
        <v>489</v>
      </c>
      <c r="C216" s="181">
        <v>5.9156913897258958</v>
      </c>
      <c r="D216" s="182">
        <v>0.11518419299011429</v>
      </c>
      <c r="E216" s="188">
        <v>6.1540434384288287E-2</v>
      </c>
      <c r="F216" s="92">
        <v>2.2221488243571688E-2</v>
      </c>
      <c r="G216" s="188">
        <v>6.3487182294019756E-2</v>
      </c>
      <c r="H216" s="92">
        <v>2.2525351818358359E-2</v>
      </c>
      <c r="I216" s="188">
        <v>0.86400824148135447</v>
      </c>
      <c r="J216" s="92">
        <v>3.1156141659523497E-2</v>
      </c>
      <c r="K216" s="188">
        <v>1.0964141840338337E-2</v>
      </c>
      <c r="L216" s="92">
        <v>1.0924418352230018E-2</v>
      </c>
      <c r="M216" s="44">
        <v>486</v>
      </c>
      <c r="N216" s="181">
        <v>5.5977674965298405</v>
      </c>
      <c r="O216" s="182">
        <v>0.12738707391955184</v>
      </c>
      <c r="P216" s="188">
        <v>0.10424931437375072</v>
      </c>
      <c r="Q216" s="92">
        <v>2.7983668179636229E-2</v>
      </c>
      <c r="R216" s="188">
        <v>0.10031425366605495</v>
      </c>
      <c r="S216" s="92">
        <v>2.7530880720495088E-2</v>
      </c>
      <c r="T216" s="188">
        <v>0.79525802484025687</v>
      </c>
      <c r="U216" s="92">
        <v>3.6616065643732175E-2</v>
      </c>
      <c r="V216" s="188">
        <v>1.7840711993850604E-4</v>
      </c>
      <c r="W216" s="92">
        <v>5.8835279266999741E-3</v>
      </c>
      <c r="X216" s="44">
        <v>488</v>
      </c>
      <c r="Y216" s="181">
        <v>5.6229989567961862</v>
      </c>
      <c r="Z216" s="182">
        <v>0.14698784235268211</v>
      </c>
      <c r="AA216" s="188">
        <v>0.13621863548422336</v>
      </c>
      <c r="AB216" s="92">
        <v>3.1209518925822202E-2</v>
      </c>
      <c r="AC216" s="188">
        <v>8.5024192703615636E-2</v>
      </c>
      <c r="AD216" s="92">
        <v>2.5595950030582709E-2</v>
      </c>
      <c r="AE216" s="188">
        <v>0.77049991703043441</v>
      </c>
      <c r="AF216" s="92">
        <v>3.8043056255493084E-2</v>
      </c>
      <c r="AG216" s="188">
        <v>8.2572547817281097E-3</v>
      </c>
      <c r="AH216" s="92">
        <v>9.9204044683934133E-3</v>
      </c>
    </row>
    <row r="217" spans="1:34">
      <c r="A217" s="40" t="s">
        <v>536</v>
      </c>
      <c r="B217" s="48">
        <v>89</v>
      </c>
      <c r="C217" s="179">
        <v>5.8724918730324926</v>
      </c>
      <c r="D217" s="80">
        <v>0.26013724812065864</v>
      </c>
      <c r="E217" s="186">
        <v>6.1493702406459017E-2</v>
      </c>
      <c r="F217" s="89">
        <v>5.6377145046353161E-2</v>
      </c>
      <c r="G217" s="186">
        <v>0.11307465595146579</v>
      </c>
      <c r="H217" s="89">
        <v>6.9681366448487117E-2</v>
      </c>
      <c r="I217" s="186">
        <v>0.82431674476311145</v>
      </c>
      <c r="J217" s="89">
        <v>8.1299110449334425E-2</v>
      </c>
      <c r="K217" s="186">
        <v>1.1148968789641228E-3</v>
      </c>
      <c r="L217" s="89">
        <v>3.0804839033863295E-2</v>
      </c>
      <c r="M217" s="48">
        <v>89</v>
      </c>
      <c r="N217" s="179">
        <v>5.6069683530015846</v>
      </c>
      <c r="O217" s="80">
        <v>0.31286787788923626</v>
      </c>
      <c r="P217" s="186">
        <v>0.12409876064734146</v>
      </c>
      <c r="Q217" s="89">
        <v>7.2019068319542148E-2</v>
      </c>
      <c r="R217" s="186">
        <v>9.797509993180796E-2</v>
      </c>
      <c r="S217" s="89">
        <v>6.6228710586462916E-2</v>
      </c>
      <c r="T217" s="186">
        <v>0.77681124254188672</v>
      </c>
      <c r="U217" s="89">
        <v>8.7945520341532427E-2</v>
      </c>
      <c r="V217" s="186">
        <v>1.1148968789641228E-3</v>
      </c>
      <c r="W217" s="89">
        <v>3.0804839033863295E-2</v>
      </c>
      <c r="X217" s="48">
        <v>88</v>
      </c>
      <c r="Y217" s="179">
        <v>6.0014861258931891</v>
      </c>
      <c r="Z217" s="80">
        <v>0.26338094312958626</v>
      </c>
      <c r="AA217" s="186">
        <v>5.8727948734686543E-2</v>
      </c>
      <c r="AB217" s="89">
        <v>5.5889311022061489E-2</v>
      </c>
      <c r="AC217" s="186">
        <v>6.4428057859980237E-2</v>
      </c>
      <c r="AD217" s="89">
        <v>5.7640596994226932E-2</v>
      </c>
      <c r="AE217" s="186">
        <v>0.86432693698435825</v>
      </c>
      <c r="AF217" s="89">
        <v>7.4762541470536847E-2</v>
      </c>
      <c r="AG217" s="186">
        <v>1.2517056420975038E-2</v>
      </c>
      <c r="AH217" s="89">
        <v>3.7634090865684595E-2</v>
      </c>
    </row>
    <row r="218" spans="1:34">
      <c r="A218" s="44" t="s">
        <v>537</v>
      </c>
      <c r="B218" s="44">
        <v>140</v>
      </c>
      <c r="C218" s="181">
        <v>6.0591212461746142</v>
      </c>
      <c r="D218" s="182">
        <v>0.19657469702581604</v>
      </c>
      <c r="E218" s="188">
        <v>4.7198800534862605E-2</v>
      </c>
      <c r="F218" s="92">
        <v>3.9512082657298601E-2</v>
      </c>
      <c r="G218" s="188">
        <v>5.6017417830450923E-2</v>
      </c>
      <c r="H218" s="92">
        <v>4.2057668177281925E-2</v>
      </c>
      <c r="I218" s="188">
        <v>0.89678378163468642</v>
      </c>
      <c r="J218" s="92">
        <v>5.301668283046667E-2</v>
      </c>
      <c r="K218" s="188">
        <v>0</v>
      </c>
      <c r="L218" s="92">
        <v>1.9504976326797124E-2</v>
      </c>
      <c r="M218" s="44">
        <v>138</v>
      </c>
      <c r="N218" s="181">
        <v>5.7405286276842906</v>
      </c>
      <c r="O218" s="182">
        <v>0.2321438827846497</v>
      </c>
      <c r="P218" s="188">
        <v>0.11078822604254338</v>
      </c>
      <c r="Q218" s="92">
        <v>5.4882307773384036E-2</v>
      </c>
      <c r="R218" s="188">
        <v>4.5139345575625357E-2</v>
      </c>
      <c r="S218" s="92">
        <v>3.9215493546220108E-2</v>
      </c>
      <c r="T218" s="188">
        <v>0.84407242838183083</v>
      </c>
      <c r="U218" s="92">
        <v>6.2391280136302733E-2</v>
      </c>
      <c r="V218" s="188">
        <v>0</v>
      </c>
      <c r="W218" s="92">
        <v>1.9777732323927027E-2</v>
      </c>
      <c r="X218" s="44">
        <v>140</v>
      </c>
      <c r="Y218" s="181">
        <v>5.5021522121746225</v>
      </c>
      <c r="Z218" s="182">
        <v>0.28008811563146624</v>
      </c>
      <c r="AA218" s="188">
        <v>0.18855105391993579</v>
      </c>
      <c r="AB218" s="92">
        <v>6.6314407189020499E-2</v>
      </c>
      <c r="AC218" s="188">
        <v>5.6932536666703761E-2</v>
      </c>
      <c r="AD218" s="92">
        <v>4.2310293364041365E-2</v>
      </c>
      <c r="AE218" s="188">
        <v>0.75451640941335996</v>
      </c>
      <c r="AF218" s="92">
        <v>7.2412825964233582E-2</v>
      </c>
      <c r="AG218" s="188">
        <v>0</v>
      </c>
      <c r="AH218" s="92">
        <v>1.9504976326797124E-2</v>
      </c>
    </row>
    <row r="219" spans="1:34">
      <c r="A219" s="40" t="s">
        <v>538</v>
      </c>
      <c r="B219" s="48">
        <v>106</v>
      </c>
      <c r="C219" s="179">
        <v>5.5697912588828711</v>
      </c>
      <c r="D219" s="80">
        <v>0.29499483596415771</v>
      </c>
      <c r="E219" s="186">
        <v>0.16047342976531553</v>
      </c>
      <c r="F219" s="89">
        <v>7.2099211891769349E-2</v>
      </c>
      <c r="G219" s="186">
        <v>2.580104062897734E-2</v>
      </c>
      <c r="H219" s="89">
        <v>3.8702500831516377E-2</v>
      </c>
      <c r="I219" s="186">
        <v>0.81372552960570677</v>
      </c>
      <c r="J219" s="89">
        <v>7.5943575435021421E-2</v>
      </c>
      <c r="K219" s="186">
        <v>0</v>
      </c>
      <c r="L219" s="89">
        <v>2.5478147263468021E-2</v>
      </c>
      <c r="M219" s="48">
        <v>106</v>
      </c>
      <c r="N219" s="179">
        <v>5.4289266559752907</v>
      </c>
      <c r="O219" s="80">
        <v>0.2991980262003151</v>
      </c>
      <c r="P219" s="186">
        <v>0.1637153921841317</v>
      </c>
      <c r="Q219" s="89">
        <v>7.261045734953582E-2</v>
      </c>
      <c r="R219" s="186">
        <v>8.0424088944173799E-2</v>
      </c>
      <c r="S219" s="89">
        <v>5.6092931166942611E-2</v>
      </c>
      <c r="T219" s="186">
        <v>0.75586051887169403</v>
      </c>
      <c r="U219" s="89">
        <v>8.2947933791123959E-2</v>
      </c>
      <c r="V219" s="186">
        <v>0</v>
      </c>
      <c r="W219" s="89">
        <v>2.5478147263468021E-2</v>
      </c>
      <c r="X219" s="48">
        <v>107</v>
      </c>
      <c r="Y219" s="179">
        <v>5.2993541252155021</v>
      </c>
      <c r="Z219" s="80">
        <v>0.33512834870713237</v>
      </c>
      <c r="AA219" s="186">
        <v>0.19092769372661039</v>
      </c>
      <c r="AB219" s="89">
        <v>7.6225127605171694E-2</v>
      </c>
      <c r="AC219" s="186">
        <v>0.11069989390095621</v>
      </c>
      <c r="AD219" s="89">
        <v>6.2722460688307724E-2</v>
      </c>
      <c r="AE219" s="186">
        <v>0.69837241237243275</v>
      </c>
      <c r="AF219" s="89">
        <v>8.7700028562744226E-2</v>
      </c>
      <c r="AG219" s="186">
        <v>0</v>
      </c>
      <c r="AH219" s="89">
        <v>2.5250720474759302E-2</v>
      </c>
    </row>
    <row r="220" spans="1:34">
      <c r="A220" s="44" t="s">
        <v>539</v>
      </c>
      <c r="B220" s="44">
        <v>154</v>
      </c>
      <c r="C220" s="181">
        <v>6.0155021733604608</v>
      </c>
      <c r="D220" s="182">
        <v>0.19445376377337747</v>
      </c>
      <c r="E220" s="188">
        <v>2.2424439354116522E-2</v>
      </c>
      <c r="F220" s="92">
        <v>2.9045436871838484E-2</v>
      </c>
      <c r="G220" s="188">
        <v>6.6622272201018767E-2</v>
      </c>
      <c r="H220" s="92">
        <v>4.2567311728750806E-2</v>
      </c>
      <c r="I220" s="188">
        <v>0.88410782813846478</v>
      </c>
      <c r="J220" s="92">
        <v>5.2732171510385159E-2</v>
      </c>
      <c r="K220" s="188">
        <v>2.684546030639938E-2</v>
      </c>
      <c r="L220" s="92">
        <v>3.0736424976989422E-2</v>
      </c>
      <c r="M220" s="44">
        <v>153</v>
      </c>
      <c r="N220" s="181">
        <v>5.5882951225022852</v>
      </c>
      <c r="O220" s="182">
        <v>0.21166859629813872</v>
      </c>
      <c r="P220" s="188">
        <v>6.3580836210794092E-2</v>
      </c>
      <c r="Q220" s="92">
        <v>4.1964418141448391E-2</v>
      </c>
      <c r="R220" s="188">
        <v>0.14464239536256379</v>
      </c>
      <c r="S220" s="92">
        <v>5.7567153477164873E-2</v>
      </c>
      <c r="T220" s="188">
        <v>0.7917767684266418</v>
      </c>
      <c r="U220" s="92">
        <v>6.5647015547142806E-2</v>
      </c>
      <c r="V220" s="188">
        <v>0</v>
      </c>
      <c r="W220" s="92">
        <v>1.79003434579789E-2</v>
      </c>
      <c r="X220" s="44">
        <v>153</v>
      </c>
      <c r="Y220" s="181">
        <v>5.7124228869857205</v>
      </c>
      <c r="Z220" s="182">
        <v>0.27485615638002103</v>
      </c>
      <c r="AA220" s="188">
        <v>0.10738022597825854</v>
      </c>
      <c r="AB220" s="92">
        <v>5.137707330224018E-2</v>
      </c>
      <c r="AC220" s="188">
        <v>9.759923405597945E-2</v>
      </c>
      <c r="AD220" s="92">
        <v>4.9512152664451345E-2</v>
      </c>
      <c r="AE220" s="188">
        <v>0.77928095497173611</v>
      </c>
      <c r="AF220" s="92">
        <v>6.6949154879400313E-2</v>
      </c>
      <c r="AG220" s="188">
        <v>1.5739584994025849E-2</v>
      </c>
      <c r="AH220" s="92">
        <v>2.6367847574424032E-2</v>
      </c>
    </row>
    <row r="221" spans="1:34">
      <c r="A221" s="40" t="s">
        <v>540</v>
      </c>
      <c r="B221" s="189">
        <v>341</v>
      </c>
      <c r="C221" s="179">
        <v>5.6638178327514446</v>
      </c>
      <c r="D221" s="80">
        <v>0.1593491445006831</v>
      </c>
      <c r="E221" s="186">
        <v>8.9728081798345322E-2</v>
      </c>
      <c r="F221" s="89">
        <v>3.1495565702930037E-2</v>
      </c>
      <c r="G221" s="186">
        <v>0.10078788045441125</v>
      </c>
      <c r="H221" s="89">
        <v>3.3066258249368888E-2</v>
      </c>
      <c r="I221" s="186">
        <v>0.79890118293509516</v>
      </c>
      <c r="J221" s="89">
        <v>4.3434811342277974E-2</v>
      </c>
      <c r="K221" s="186">
        <v>1.0582854812150497E-2</v>
      </c>
      <c r="L221" s="89">
        <v>1.3617106933465118E-2</v>
      </c>
      <c r="M221" s="189">
        <v>341</v>
      </c>
      <c r="N221" s="179">
        <v>5.3648517225644374</v>
      </c>
      <c r="O221" s="80">
        <v>0.17714281409736524</v>
      </c>
      <c r="P221" s="186">
        <v>0.1487867284288405</v>
      </c>
      <c r="Q221" s="89">
        <v>3.874748633746581E-2</v>
      </c>
      <c r="R221" s="186">
        <v>0.11303326686562734</v>
      </c>
      <c r="S221" s="89">
        <v>3.4675961758630407E-2</v>
      </c>
      <c r="T221" s="186">
        <v>0.72789193233959903</v>
      </c>
      <c r="U221" s="89">
        <v>4.8065483047964402E-2</v>
      </c>
      <c r="V221" s="186">
        <v>1.0288072365934868E-2</v>
      </c>
      <c r="W221" s="89">
        <v>1.3496529716183557E-2</v>
      </c>
      <c r="X221" s="189">
        <v>338</v>
      </c>
      <c r="Y221" s="179">
        <v>5.3791826069183575</v>
      </c>
      <c r="Z221" s="80">
        <v>0.20848541712606389</v>
      </c>
      <c r="AA221" s="186">
        <v>0.19789667527364505</v>
      </c>
      <c r="AB221" s="89">
        <v>4.3374606991801117E-2</v>
      </c>
      <c r="AC221" s="186">
        <v>6.0341663190932711E-2</v>
      </c>
      <c r="AD221" s="89">
        <v>2.6753308645898113E-2</v>
      </c>
      <c r="AE221" s="186">
        <v>0.73674551923888898</v>
      </c>
      <c r="AF221" s="89">
        <v>4.7787904542434465E-2</v>
      </c>
      <c r="AG221" s="186">
        <v>5.0161422965354406E-3</v>
      </c>
      <c r="AH221" s="89">
        <v>1.118095180821734E-2</v>
      </c>
    </row>
    <row r="222" spans="1:34">
      <c r="A222" s="44" t="s">
        <v>541</v>
      </c>
      <c r="B222" s="190">
        <v>112</v>
      </c>
      <c r="C222" s="181">
        <v>5.5146463588859937</v>
      </c>
      <c r="D222" s="182">
        <v>0.29905858294995646</v>
      </c>
      <c r="E222" s="188">
        <v>0.1162117627084483</v>
      </c>
      <c r="F222" s="92">
        <v>6.2336576521525355E-2</v>
      </c>
      <c r="G222" s="188">
        <v>0.11736093508528736</v>
      </c>
      <c r="H222" s="92">
        <v>6.2563258163935695E-2</v>
      </c>
      <c r="I222" s="188">
        <v>0.76642730220626432</v>
      </c>
      <c r="J222" s="92">
        <v>7.9617079965554546E-2</v>
      </c>
      <c r="K222" s="188">
        <v>0</v>
      </c>
      <c r="L222" s="92">
        <v>2.4171880321350918E-2</v>
      </c>
      <c r="M222" s="190">
        <v>113</v>
      </c>
      <c r="N222" s="181">
        <v>5.304878256786564</v>
      </c>
      <c r="O222" s="182">
        <v>0.3243683223722047</v>
      </c>
      <c r="P222" s="188">
        <v>0.14464718371104424</v>
      </c>
      <c r="Q222" s="92">
        <v>6.7231202811840168E-2</v>
      </c>
      <c r="R222" s="188">
        <v>0.11622542024039983</v>
      </c>
      <c r="S222" s="92">
        <v>6.2049209038120015E-2</v>
      </c>
      <c r="T222" s="188">
        <v>0.73011443548218824</v>
      </c>
      <c r="U222" s="92">
        <v>8.2815034066822793E-2</v>
      </c>
      <c r="V222" s="188">
        <v>9.0129605663678107E-3</v>
      </c>
      <c r="W222" s="92">
        <v>2.9313082750359456E-2</v>
      </c>
      <c r="X222" s="190">
        <v>111</v>
      </c>
      <c r="Y222" s="181">
        <v>5.1815010026067077</v>
      </c>
      <c r="Z222" s="182">
        <v>0.39141241720059866</v>
      </c>
      <c r="AA222" s="188">
        <v>0.23838393699530333</v>
      </c>
      <c r="AB222" s="92">
        <v>8.048450694750478E-2</v>
      </c>
      <c r="AC222" s="188">
        <v>4.824826024230041E-2</v>
      </c>
      <c r="AD222" s="92">
        <v>4.5633819693279717E-2</v>
      </c>
      <c r="AE222" s="188">
        <v>0.71336780276239664</v>
      </c>
      <c r="AF222" s="92">
        <v>8.4972858226591674E-2</v>
      </c>
      <c r="AG222" s="188">
        <v>0</v>
      </c>
      <c r="AH222" s="92">
        <v>2.4380210707016403E-2</v>
      </c>
    </row>
    <row r="223" spans="1:34">
      <c r="A223" s="40" t="s">
        <v>542</v>
      </c>
      <c r="B223" s="78">
        <v>95</v>
      </c>
      <c r="C223" s="179">
        <v>5.8225721977464442</v>
      </c>
      <c r="D223" s="80">
        <v>0.27616300008766631</v>
      </c>
      <c r="E223" s="186">
        <v>3.4437024262990786E-2</v>
      </c>
      <c r="F223" s="89">
        <v>4.5131608831113869E-2</v>
      </c>
      <c r="G223" s="186">
        <v>9.1320500866010054E-2</v>
      </c>
      <c r="H223" s="89">
        <v>6.2346341301198954E-2</v>
      </c>
      <c r="I223" s="186">
        <v>0.84994443573362854</v>
      </c>
      <c r="J223" s="89">
        <v>7.4463691352871744E-2</v>
      </c>
      <c r="K223" s="186">
        <v>2.4298039137370973E-2</v>
      </c>
      <c r="L223" s="89">
        <v>4.1009718569903389E-2</v>
      </c>
      <c r="M223" s="78">
        <v>95</v>
      </c>
      <c r="N223" s="179">
        <v>5.3887465867943733</v>
      </c>
      <c r="O223" s="80">
        <v>0.3336825953673172</v>
      </c>
      <c r="P223" s="186">
        <v>0.14520189849394929</v>
      </c>
      <c r="Q223" s="89">
        <v>7.3604200860735894E-2</v>
      </c>
      <c r="R223" s="186">
        <v>9.0573045786609171E-2</v>
      </c>
      <c r="S223" s="89">
        <v>6.216361862779779E-2</v>
      </c>
      <c r="T223" s="186">
        <v>0.74089530740963438</v>
      </c>
      <c r="U223" s="89">
        <v>8.9117798352624442E-2</v>
      </c>
      <c r="V223" s="186">
        <v>2.3329748309807982E-2</v>
      </c>
      <c r="W223" s="89">
        <v>4.058925394671048E-2</v>
      </c>
      <c r="X223" s="78">
        <v>94</v>
      </c>
      <c r="Y223" s="179">
        <v>5.6715740444048457</v>
      </c>
      <c r="Z223" s="80">
        <v>0.36173295997438598</v>
      </c>
      <c r="AA223" s="186">
        <v>0.13432137491454643</v>
      </c>
      <c r="AB223" s="89">
        <v>7.198989617250269E-2</v>
      </c>
      <c r="AC223" s="186">
        <v>5.9468476347293332E-2</v>
      </c>
      <c r="AD223" s="89">
        <v>5.4003383225430864E-2</v>
      </c>
      <c r="AE223" s="186">
        <v>0.79044574400007417</v>
      </c>
      <c r="AF223" s="89">
        <v>8.3882122690325078E-2</v>
      </c>
      <c r="AG223" s="186">
        <v>1.5764404738086601E-2</v>
      </c>
      <c r="AH223" s="89">
        <v>3.7398463537763667E-2</v>
      </c>
    </row>
    <row r="224" spans="1:34">
      <c r="A224" s="44" t="s">
        <v>543</v>
      </c>
      <c r="B224" s="190">
        <v>77</v>
      </c>
      <c r="C224" s="181">
        <v>5.457455341358715</v>
      </c>
      <c r="D224" s="182">
        <v>0.33998234480681389</v>
      </c>
      <c r="E224" s="188">
        <v>0.13574098846074975</v>
      </c>
      <c r="F224" s="92">
        <v>8.0153080503149857E-2</v>
      </c>
      <c r="G224" s="188">
        <v>0.12509575937390968</v>
      </c>
      <c r="H224" s="92">
        <v>7.79318621223416E-2</v>
      </c>
      <c r="I224" s="188">
        <v>0.73916325216534073</v>
      </c>
      <c r="J224" s="92">
        <v>9.8960209029387555E-2</v>
      </c>
      <c r="K224" s="188">
        <v>0</v>
      </c>
      <c r="L224" s="92">
        <v>3.4485061975244265E-2</v>
      </c>
      <c r="M224" s="190">
        <v>76</v>
      </c>
      <c r="N224" s="181">
        <v>5.1887714839964829</v>
      </c>
      <c r="O224" s="182">
        <v>0.37746722140043315</v>
      </c>
      <c r="P224" s="188">
        <v>0.19812342665899405</v>
      </c>
      <c r="Q224" s="92">
        <v>9.158483972723673E-2</v>
      </c>
      <c r="R224" s="188">
        <v>0.13088155625115822</v>
      </c>
      <c r="S224" s="92">
        <v>7.9698116656606408E-2</v>
      </c>
      <c r="T224" s="188">
        <v>0.67099501708984788</v>
      </c>
      <c r="U224" s="92">
        <v>0.10573824650468829</v>
      </c>
      <c r="V224" s="188">
        <v>0</v>
      </c>
      <c r="W224" s="92">
        <v>3.4910600109422353E-2</v>
      </c>
      <c r="X224" s="190">
        <v>77</v>
      </c>
      <c r="Y224" s="181">
        <v>5.4005843346000439</v>
      </c>
      <c r="Z224" s="182">
        <v>0.41457567253248639</v>
      </c>
      <c r="AA224" s="188">
        <v>0.19362770778565505</v>
      </c>
      <c r="AB224" s="92">
        <v>9.0315669614252969E-2</v>
      </c>
      <c r="AC224" s="188">
        <v>9.5697651003315981E-2</v>
      </c>
      <c r="AD224" s="92">
        <v>7.1071246977485264E-2</v>
      </c>
      <c r="AE224" s="188">
        <v>0.71067464121102919</v>
      </c>
      <c r="AF224" s="92">
        <v>0.10180871545634694</v>
      </c>
      <c r="AG224" s="188">
        <v>0</v>
      </c>
      <c r="AH224" s="92">
        <v>3.4485061975244265E-2</v>
      </c>
    </row>
    <row r="225" spans="1:34">
      <c r="A225" s="52" t="s">
        <v>544</v>
      </c>
      <c r="B225" s="189">
        <v>57</v>
      </c>
      <c r="C225" s="179">
        <v>6.0248635442221365</v>
      </c>
      <c r="D225" s="80">
        <v>0.37634063390401074</v>
      </c>
      <c r="E225" s="186">
        <v>7.7868065393022365E-2</v>
      </c>
      <c r="F225" s="89">
        <v>7.8681048889198427E-2</v>
      </c>
      <c r="G225" s="186">
        <v>3.9986932843774428E-2</v>
      </c>
      <c r="H225" s="89">
        <v>6.5401889847821748E-2</v>
      </c>
      <c r="I225" s="186">
        <v>0.86068668640920776</v>
      </c>
      <c r="J225" s="89">
        <v>9.4576655036594293E-2</v>
      </c>
      <c r="K225" s="186">
        <v>2.1458315353995106E-2</v>
      </c>
      <c r="L225" s="89">
        <v>5.7286300458492208E-2</v>
      </c>
      <c r="M225" s="189">
        <v>57</v>
      </c>
      <c r="N225" s="179">
        <v>5.7687591294851872</v>
      </c>
      <c r="O225" s="80">
        <v>0.38680116742450543</v>
      </c>
      <c r="P225" s="186">
        <v>7.7868065393022365E-2</v>
      </c>
      <c r="Q225" s="89">
        <v>7.8681048889198427E-2</v>
      </c>
      <c r="R225" s="186">
        <v>0.12814300707412157</v>
      </c>
      <c r="S225" s="89">
        <v>9.2066463674031693E-2</v>
      </c>
      <c r="T225" s="186">
        <v>0.79398892753285577</v>
      </c>
      <c r="U225" s="89">
        <v>0.10698058217231196</v>
      </c>
      <c r="V225" s="186">
        <v>0</v>
      </c>
      <c r="W225" s="89">
        <v>4.5601197425875629E-2</v>
      </c>
      <c r="X225" s="189">
        <v>56</v>
      </c>
      <c r="Y225" s="179">
        <v>5.1038259274504858</v>
      </c>
      <c r="Z225" s="80">
        <v>0.53427265766392418</v>
      </c>
      <c r="AA225" s="186">
        <v>0.2655153160806577</v>
      </c>
      <c r="AB225" s="89">
        <v>0.11607573373151557</v>
      </c>
      <c r="AC225" s="186">
        <v>2.4946664125753193E-2</v>
      </c>
      <c r="AD225" s="89">
        <v>5.967211223480582E-2</v>
      </c>
      <c r="AE225" s="186">
        <v>0.70953801979358877</v>
      </c>
      <c r="AF225" s="89">
        <v>0.11881437546040106</v>
      </c>
      <c r="AG225" s="186">
        <v>0</v>
      </c>
      <c r="AH225" s="89">
        <v>4.6348119143587135E-2</v>
      </c>
    </row>
    <row r="226" spans="1:34">
      <c r="A226" s="44" t="s">
        <v>545</v>
      </c>
      <c r="B226" s="190">
        <v>637</v>
      </c>
      <c r="C226" s="181">
        <v>5.6398022407926609</v>
      </c>
      <c r="D226" s="182">
        <v>0.11403321186433231</v>
      </c>
      <c r="E226" s="188">
        <v>9.6406745452072076E-2</v>
      </c>
      <c r="F226" s="92">
        <v>2.358495242432361E-2</v>
      </c>
      <c r="G226" s="188">
        <v>9.3884384489443862E-2</v>
      </c>
      <c r="H226" s="92">
        <v>2.3316594929050253E-2</v>
      </c>
      <c r="I226" s="188">
        <v>0.80212700220147171</v>
      </c>
      <c r="J226" s="92">
        <v>3.1583774051231743E-2</v>
      </c>
      <c r="K226" s="188">
        <v>7.5818678570127073E-3</v>
      </c>
      <c r="L226" s="92">
        <v>8.1104534576425871E-3</v>
      </c>
      <c r="M226" s="190">
        <v>634</v>
      </c>
      <c r="N226" s="181">
        <v>5.4151120666729433</v>
      </c>
      <c r="O226" s="182">
        <v>0.12200955312701009</v>
      </c>
      <c r="P226" s="188">
        <v>0.13228328343761356</v>
      </c>
      <c r="Q226" s="92">
        <v>2.702310569996659E-2</v>
      </c>
      <c r="R226" s="188">
        <v>0.12230374225657403</v>
      </c>
      <c r="S226" s="92">
        <v>2.6157073181912353E-2</v>
      </c>
      <c r="T226" s="188">
        <v>0.74170149669353325</v>
      </c>
      <c r="U226" s="92">
        <v>3.4723324213618081E-2</v>
      </c>
      <c r="V226" s="188">
        <v>3.7114776122800504E-3</v>
      </c>
      <c r="W226" s="92">
        <v>6.5180968285047146E-3</v>
      </c>
      <c r="X226" s="190">
        <v>634</v>
      </c>
      <c r="Y226" s="181">
        <v>5.5214090041726189</v>
      </c>
      <c r="Z226" s="182">
        <v>0.13395020581555747</v>
      </c>
      <c r="AA226" s="188">
        <v>0.16314820021037171</v>
      </c>
      <c r="AB226" s="92">
        <v>2.940893336949596E-2</v>
      </c>
      <c r="AC226" s="188">
        <v>7.4653797385382928E-2</v>
      </c>
      <c r="AD226" s="92">
        <v>2.1149131332160259E-2</v>
      </c>
      <c r="AE226" s="188">
        <v>0.75394737796229239</v>
      </c>
      <c r="AF226" s="92">
        <v>3.417792621976886E-2</v>
      </c>
      <c r="AG226" s="188">
        <v>8.2506244419533886E-3</v>
      </c>
      <c r="AH226" s="92">
        <v>8.3816638350564087E-3</v>
      </c>
    </row>
    <row r="227" spans="1:34">
      <c r="A227" s="52" t="s">
        <v>546</v>
      </c>
      <c r="B227" s="189">
        <v>66</v>
      </c>
      <c r="C227" s="179">
        <v>5.57716606752461</v>
      </c>
      <c r="D227" s="80">
        <v>0.36892278822084046</v>
      </c>
      <c r="E227" s="186">
        <v>7.106699471380104E-2</v>
      </c>
      <c r="F227" s="89">
        <v>7.0282045176183E-2</v>
      </c>
      <c r="G227" s="186">
        <v>0.21508282788466446</v>
      </c>
      <c r="H227" s="89">
        <v>0.10080663157458346</v>
      </c>
      <c r="I227" s="186">
        <v>0.6870951155654923</v>
      </c>
      <c r="J227" s="89">
        <v>0.1118370346895274</v>
      </c>
      <c r="K227" s="186">
        <v>2.6755061836042419E-2</v>
      </c>
      <c r="L227" s="89">
        <v>5.3932997991655435E-2</v>
      </c>
      <c r="M227" s="189">
        <v>67</v>
      </c>
      <c r="N227" s="179">
        <v>5.2870649562008873</v>
      </c>
      <c r="O227" s="80">
        <v>0.39964961668461874</v>
      </c>
      <c r="P227" s="186">
        <v>0.14959131350305727</v>
      </c>
      <c r="Q227" s="89">
        <v>8.9019416236441953E-2</v>
      </c>
      <c r="R227" s="186">
        <v>0.11617832808575297</v>
      </c>
      <c r="S227" s="89">
        <v>8.1814861360943417E-2</v>
      </c>
      <c r="T227" s="186">
        <v>0.73423035841119022</v>
      </c>
      <c r="U227" s="89">
        <v>0.10645209098518818</v>
      </c>
      <c r="V227" s="186">
        <v>0</v>
      </c>
      <c r="W227" s="89">
        <v>3.9271909274046654E-2</v>
      </c>
      <c r="X227" s="189">
        <v>66</v>
      </c>
      <c r="Y227" s="179">
        <v>5.8363338464565651</v>
      </c>
      <c r="Z227" s="80">
        <v>0.37390251165899702</v>
      </c>
      <c r="AA227" s="186">
        <v>8.3308238299143772E-2</v>
      </c>
      <c r="AB227" s="89">
        <v>7.3928410906473008E-2</v>
      </c>
      <c r="AC227" s="186">
        <v>6.1579658480581667E-2</v>
      </c>
      <c r="AD227" s="89">
        <v>6.7242462258049515E-2</v>
      </c>
      <c r="AE227" s="186">
        <v>0.85511210322027464</v>
      </c>
      <c r="AF227" s="89">
        <v>8.8767941111191476E-2</v>
      </c>
      <c r="AG227" s="186">
        <v>0</v>
      </c>
      <c r="AH227" s="89">
        <v>3.9824688710695409E-2</v>
      </c>
    </row>
    <row r="228" spans="1:34">
      <c r="A228" s="44" t="s">
        <v>547</v>
      </c>
      <c r="B228" s="190">
        <v>145</v>
      </c>
      <c r="C228" s="181">
        <v>5.7976656769200545</v>
      </c>
      <c r="D228" s="182">
        <v>0.206005547592267</v>
      </c>
      <c r="E228" s="188">
        <v>9.031613619308887E-2</v>
      </c>
      <c r="F228" s="92">
        <v>4.943975006880081E-2</v>
      </c>
      <c r="G228" s="188">
        <v>7.0484916580618909E-2</v>
      </c>
      <c r="H228" s="92">
        <v>4.4957542046027955E-2</v>
      </c>
      <c r="I228" s="188">
        <v>0.83919894722629296</v>
      </c>
      <c r="J228" s="92">
        <v>6.1532695323411477E-2</v>
      </c>
      <c r="K228" s="188">
        <v>0</v>
      </c>
      <c r="L228" s="92">
        <v>1.8854901079065334E-2</v>
      </c>
      <c r="M228" s="190">
        <v>145</v>
      </c>
      <c r="N228" s="181">
        <v>5.4990981760344821</v>
      </c>
      <c r="O228" s="182">
        <v>0.23912849429043201</v>
      </c>
      <c r="P228" s="188">
        <v>0.13382788893687209</v>
      </c>
      <c r="Q228" s="92">
        <v>5.746791064995433E-2</v>
      </c>
      <c r="R228" s="188">
        <v>0.15276125187808137</v>
      </c>
      <c r="S228" s="92">
        <v>6.0381820229797441E-2</v>
      </c>
      <c r="T228" s="188">
        <v>0.71341085918504721</v>
      </c>
      <c r="U228" s="92">
        <v>7.4521886864147333E-2</v>
      </c>
      <c r="V228" s="188">
        <v>0</v>
      </c>
      <c r="W228" s="92">
        <v>1.8854901079065334E-2</v>
      </c>
      <c r="X228" s="190">
        <v>145</v>
      </c>
      <c r="Y228" s="181">
        <v>5.5788876779919416</v>
      </c>
      <c r="Z228" s="182">
        <v>0.25284930500155123</v>
      </c>
      <c r="AA228" s="188">
        <v>0.15253647683118474</v>
      </c>
      <c r="AB228" s="92">
        <v>6.0348937635104148E-2</v>
      </c>
      <c r="AC228" s="188">
        <v>9.648830834125581E-2</v>
      </c>
      <c r="AD228" s="92">
        <v>5.0713850464294462E-2</v>
      </c>
      <c r="AE228" s="188">
        <v>0.75097521482756013</v>
      </c>
      <c r="AF228" s="92">
        <v>7.1484354594153171E-2</v>
      </c>
      <c r="AG228" s="188">
        <v>0</v>
      </c>
      <c r="AH228" s="92">
        <v>1.8854901079065334E-2</v>
      </c>
    </row>
    <row r="229" spans="1:34">
      <c r="A229" s="52" t="s">
        <v>548</v>
      </c>
      <c r="B229" s="189">
        <v>164</v>
      </c>
      <c r="C229" s="179">
        <v>5.7860408244440231</v>
      </c>
      <c r="D229" s="80">
        <v>0.22348924892442465</v>
      </c>
      <c r="E229" s="186">
        <v>9.3453396375947462E-2</v>
      </c>
      <c r="F229" s="89">
        <v>4.6928680883515331E-2</v>
      </c>
      <c r="G229" s="186">
        <v>4.8976517898880419E-2</v>
      </c>
      <c r="H229" s="89">
        <v>3.6563470724471796E-2</v>
      </c>
      <c r="I229" s="186">
        <v>0.84651146836892022</v>
      </c>
      <c r="J229" s="89">
        <v>5.6816195659199611E-2</v>
      </c>
      <c r="K229" s="186">
        <v>1.1058617356252031E-2</v>
      </c>
      <c r="L229" s="89">
        <v>2.2982801679721332E-2</v>
      </c>
      <c r="M229" s="189">
        <v>163</v>
      </c>
      <c r="N229" s="179">
        <v>5.5274826682061127</v>
      </c>
      <c r="O229" s="80">
        <v>0.25475689684272934</v>
      </c>
      <c r="P229" s="186">
        <v>0.14156284261046001</v>
      </c>
      <c r="Q229" s="89">
        <v>5.5284499385637183E-2</v>
      </c>
      <c r="R229" s="186">
        <v>7.4468286940155851E-2</v>
      </c>
      <c r="S229" s="89">
        <v>4.3082773803118965E-2</v>
      </c>
      <c r="T229" s="186">
        <v>0.78396887044938424</v>
      </c>
      <c r="U229" s="89">
        <v>6.4404844479142992E-2</v>
      </c>
      <c r="V229" s="186">
        <v>0</v>
      </c>
      <c r="W229" s="89">
        <v>1.6834966591550982E-2</v>
      </c>
      <c r="X229" s="189">
        <v>163</v>
      </c>
      <c r="Y229" s="179">
        <v>5.5963293288685279</v>
      </c>
      <c r="Z229" s="80">
        <v>0.26777766360668331</v>
      </c>
      <c r="AA229" s="186">
        <v>0.17205426036377247</v>
      </c>
      <c r="AB229" s="89">
        <v>5.9446934132933706E-2</v>
      </c>
      <c r="AC229" s="186">
        <v>4.6091198612740483E-2</v>
      </c>
      <c r="AD229" s="89">
        <v>3.5870175782804894E-2</v>
      </c>
      <c r="AE229" s="186">
        <v>0.77394441596408659</v>
      </c>
      <c r="AF229" s="89">
        <v>6.5388090473893865E-2</v>
      </c>
      <c r="AG229" s="186">
        <v>7.9101250594006463E-3</v>
      </c>
      <c r="AH229" s="89">
        <v>2.1505464310042278E-2</v>
      </c>
    </row>
    <row r="230" spans="1:34">
      <c r="A230" s="44" t="s">
        <v>549</v>
      </c>
      <c r="B230" s="190">
        <v>72</v>
      </c>
      <c r="C230" s="181">
        <v>5.3712831684526794</v>
      </c>
      <c r="D230" s="182">
        <v>0.38180882924582987</v>
      </c>
      <c r="E230" s="188">
        <v>0.12921504051128771</v>
      </c>
      <c r="F230" s="92">
        <v>8.1631203419584394E-2</v>
      </c>
      <c r="G230" s="188">
        <v>0.10058991364767357</v>
      </c>
      <c r="H230" s="92">
        <v>7.498145065466913E-2</v>
      </c>
      <c r="I230" s="188">
        <v>0.77019504584103904</v>
      </c>
      <c r="J230" s="92">
        <v>9.8535908846617906E-2</v>
      </c>
      <c r="K230" s="188">
        <v>0</v>
      </c>
      <c r="L230" s="92">
        <v>3.6723195522334773E-2</v>
      </c>
      <c r="M230" s="190">
        <v>71</v>
      </c>
      <c r="N230" s="181">
        <v>5.2052755472899408</v>
      </c>
      <c r="O230" s="182">
        <v>0.39755946606978704</v>
      </c>
      <c r="P230" s="188">
        <v>0.1605979728146065</v>
      </c>
      <c r="Q230" s="92">
        <v>8.8473252788556264E-2</v>
      </c>
      <c r="R230" s="188">
        <v>0.14518269724788374</v>
      </c>
      <c r="S230" s="92">
        <v>8.5533748001388757E-2</v>
      </c>
      <c r="T230" s="188">
        <v>0.69421932993750968</v>
      </c>
      <c r="U230" s="92">
        <v>0.10737973621408203</v>
      </c>
      <c r="V230" s="188">
        <v>0</v>
      </c>
      <c r="W230" s="92">
        <v>3.7206132509255738E-2</v>
      </c>
      <c r="X230" s="190">
        <v>72</v>
      </c>
      <c r="Y230" s="181">
        <v>4.9935383180691106</v>
      </c>
      <c r="Z230" s="182">
        <v>0.45696757674607852</v>
      </c>
      <c r="AA230" s="188">
        <v>0.19107053465508941</v>
      </c>
      <c r="AB230" s="92">
        <v>9.3003751907908785E-2</v>
      </c>
      <c r="AC230" s="188">
        <v>0.15398474979112486</v>
      </c>
      <c r="AD230" s="92">
        <v>8.6616088578698902E-2</v>
      </c>
      <c r="AE230" s="188">
        <v>0.65494471555378586</v>
      </c>
      <c r="AF230" s="92">
        <v>0.10965322732968688</v>
      </c>
      <c r="AG230" s="188">
        <v>0</v>
      </c>
      <c r="AH230" s="92">
        <v>3.6723195522334773E-2</v>
      </c>
    </row>
    <row r="231" spans="1:34">
      <c r="A231" s="52" t="s">
        <v>550</v>
      </c>
      <c r="B231" s="189">
        <v>121</v>
      </c>
      <c r="C231" s="179">
        <v>5.5209700017347636</v>
      </c>
      <c r="D231" s="80">
        <v>0.27340735487427253</v>
      </c>
      <c r="E231" s="186">
        <v>0.12346506773330682</v>
      </c>
      <c r="F231" s="89">
        <v>6.1227468626757466E-2</v>
      </c>
      <c r="G231" s="186">
        <v>9.0532273760925527E-2</v>
      </c>
      <c r="H231" s="89">
        <v>5.4521915688523923E-2</v>
      </c>
      <c r="I231" s="186">
        <v>0.77762244511899636</v>
      </c>
      <c r="J231" s="89">
        <v>7.5425110762494182E-2</v>
      </c>
      <c r="K231" s="186">
        <v>8.3802133867710068E-3</v>
      </c>
      <c r="L231" s="89">
        <v>2.7440498986227E-2</v>
      </c>
      <c r="M231" s="189">
        <v>119</v>
      </c>
      <c r="N231" s="179">
        <v>5.3679321653327943</v>
      </c>
      <c r="O231" s="80">
        <v>0.25915449742111391</v>
      </c>
      <c r="P231" s="186">
        <v>0.11642620656253393</v>
      </c>
      <c r="Q231" s="89">
        <v>6.0427986333824631E-2</v>
      </c>
      <c r="R231" s="186">
        <v>0.14130333762767186</v>
      </c>
      <c r="S231" s="89">
        <v>6.491244339124283E-2</v>
      </c>
      <c r="T231" s="186">
        <v>0.72761471286845736</v>
      </c>
      <c r="U231" s="89">
        <v>8.0950935076137237E-2</v>
      </c>
      <c r="V231" s="186">
        <v>1.4655742941336394E-2</v>
      </c>
      <c r="W231" s="89">
        <v>3.0980059295707088E-2</v>
      </c>
      <c r="X231" s="189">
        <v>120</v>
      </c>
      <c r="Y231" s="179">
        <v>5.4809643832465484</v>
      </c>
      <c r="Z231" s="80">
        <v>0.31959892194053274</v>
      </c>
      <c r="AA231" s="186">
        <v>0.16075050084611284</v>
      </c>
      <c r="AB231" s="89">
        <v>6.7731726992427202E-2</v>
      </c>
      <c r="AC231" s="186">
        <v>9.2527162690856424E-2</v>
      </c>
      <c r="AD231" s="89">
        <v>5.5213659159878685E-2</v>
      </c>
      <c r="AE231" s="186">
        <v>0.72352005607251935</v>
      </c>
      <c r="AF231" s="89">
        <v>8.0963970477353833E-2</v>
      </c>
      <c r="AG231" s="186">
        <v>2.3202280390510688E-2</v>
      </c>
      <c r="AH231" s="89">
        <v>3.4591727298856241E-2</v>
      </c>
    </row>
    <row r="232" spans="1:34">
      <c r="A232" s="44" t="s">
        <v>551</v>
      </c>
      <c r="B232" s="190">
        <v>69</v>
      </c>
      <c r="C232" s="181">
        <v>5.5405011810669151</v>
      </c>
      <c r="D232" s="182">
        <v>0.34003307422589857</v>
      </c>
      <c r="E232" s="188">
        <v>5.3334275752989289E-2</v>
      </c>
      <c r="F232" s="92">
        <v>6.2703849422285685E-2</v>
      </c>
      <c r="G232" s="188">
        <v>0.15150198076815952</v>
      </c>
      <c r="H232" s="92">
        <v>8.8051717687159262E-2</v>
      </c>
      <c r="I232" s="188">
        <v>0.79516374347885088</v>
      </c>
      <c r="J232" s="92">
        <v>9.7127049570023258E-2</v>
      </c>
      <c r="K232" s="188">
        <v>0</v>
      </c>
      <c r="L232" s="92">
        <v>3.821112970151376E-2</v>
      </c>
      <c r="M232" s="190">
        <v>69</v>
      </c>
      <c r="N232" s="181">
        <v>5.350442111671545</v>
      </c>
      <c r="O232" s="182">
        <v>0.34936209582718902</v>
      </c>
      <c r="P232" s="188">
        <v>0.11223903069211469</v>
      </c>
      <c r="Q232" s="92">
        <v>7.9611260857150992E-2</v>
      </c>
      <c r="R232" s="188">
        <v>0.14365842246084384</v>
      </c>
      <c r="S232" s="92">
        <v>8.6501238980271622E-2</v>
      </c>
      <c r="T232" s="188">
        <v>0.74410254684704102</v>
      </c>
      <c r="U232" s="92">
        <v>0.10383470044623133</v>
      </c>
      <c r="V232" s="188">
        <v>0</v>
      </c>
      <c r="W232" s="92">
        <v>3.821112970151376E-2</v>
      </c>
      <c r="X232" s="190">
        <v>68</v>
      </c>
      <c r="Y232" s="181">
        <v>5.4707330426065965</v>
      </c>
      <c r="Z232" s="182">
        <v>0.40339110887194118</v>
      </c>
      <c r="AA232" s="188">
        <v>0.19694493161347573</v>
      </c>
      <c r="AB232" s="92">
        <v>9.6631852834888329E-2</v>
      </c>
      <c r="AC232" s="188">
        <v>3.4376312130820708E-2</v>
      </c>
      <c r="AD232" s="92">
        <v>5.6082736369011441E-2</v>
      </c>
      <c r="AE232" s="188">
        <v>0.76867875625570325</v>
      </c>
      <c r="AF232" s="92">
        <v>0.10154633369447788</v>
      </c>
      <c r="AG232" s="188">
        <v>0</v>
      </c>
      <c r="AH232" s="92">
        <v>3.8734260487688681E-2</v>
      </c>
    </row>
  </sheetData>
  <mergeCells count="27">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 ref="A91:V91"/>
    <mergeCell ref="A90:V90"/>
    <mergeCell ref="B34:H34"/>
    <mergeCell ref="A61:D61"/>
    <mergeCell ref="A62:D62"/>
    <mergeCell ref="A63:D63"/>
    <mergeCell ref="A3:D3"/>
    <mergeCell ref="A4:D4"/>
    <mergeCell ref="A5:D5"/>
    <mergeCell ref="I34:O34"/>
    <mergeCell ref="A33:V33"/>
    <mergeCell ref="A32:V32"/>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5"/>
  <sheetViews>
    <sheetView zoomScaleNormal="100" workbookViewId="0"/>
  </sheetViews>
  <sheetFormatPr defaultColWidth="17.5703125" defaultRowHeight="15"/>
  <cols>
    <col min="1" max="1" width="53.140625" customWidth="1"/>
  </cols>
  <sheetData>
    <row r="1" spans="1:4" ht="31.5">
      <c r="A1" s="30" t="s">
        <v>47</v>
      </c>
    </row>
    <row r="3" spans="1:4" ht="18.75">
      <c r="A3" s="336" t="s">
        <v>402</v>
      </c>
      <c r="B3" s="336"/>
      <c r="C3" s="336"/>
      <c r="D3" s="336"/>
    </row>
    <row r="4" spans="1:4" ht="136.5" customHeight="1">
      <c r="A4" s="389" t="s">
        <v>410</v>
      </c>
      <c r="B4" s="389"/>
      <c r="C4" s="389"/>
      <c r="D4" s="389"/>
    </row>
    <row r="5" spans="1:4" ht="37.5" customHeight="1">
      <c r="A5" s="410" t="s">
        <v>403</v>
      </c>
      <c r="B5" s="338"/>
      <c r="C5" s="338"/>
      <c r="D5" s="338"/>
    </row>
    <row r="6" spans="1:4" ht="72">
      <c r="A6" s="32" t="s">
        <v>71</v>
      </c>
      <c r="B6" s="33" t="s">
        <v>72</v>
      </c>
      <c r="C6" s="34" t="s">
        <v>589</v>
      </c>
      <c r="D6" s="35" t="s">
        <v>73</v>
      </c>
    </row>
    <row r="7" spans="1:4" ht="72">
      <c r="A7" s="36"/>
      <c r="B7" s="37" t="s">
        <v>74</v>
      </c>
      <c r="C7" s="123" t="s">
        <v>304</v>
      </c>
      <c r="D7" s="39" t="s">
        <v>76</v>
      </c>
    </row>
    <row r="8" spans="1:4">
      <c r="A8" s="40" t="s">
        <v>349</v>
      </c>
      <c r="B8" s="161">
        <v>11350</v>
      </c>
      <c r="C8" s="162">
        <v>5.0012250453152456</v>
      </c>
      <c r="D8" s="81">
        <v>2.6654095715108173E-2</v>
      </c>
    </row>
    <row r="9" spans="1:4">
      <c r="A9" s="44" t="s">
        <v>350</v>
      </c>
      <c r="B9" s="44">
        <v>8248</v>
      </c>
      <c r="C9" s="164">
        <v>4.6646435909456647</v>
      </c>
      <c r="D9" s="82">
        <v>3.1743325340428702E-2</v>
      </c>
    </row>
    <row r="10" spans="1:4">
      <c r="A10" s="40" t="s">
        <v>351</v>
      </c>
      <c r="B10" s="48">
        <v>3102</v>
      </c>
      <c r="C10" s="162">
        <v>5.2648196685549573</v>
      </c>
      <c r="D10" s="81">
        <v>4.3328721073501671E-2</v>
      </c>
    </row>
    <row r="11" spans="1:4">
      <c r="A11" s="44" t="s">
        <v>533</v>
      </c>
      <c r="B11" s="44">
        <v>2535</v>
      </c>
      <c r="C11" s="164">
        <v>5.1324043828980281</v>
      </c>
      <c r="D11" s="82">
        <v>5.6431680161228286E-2</v>
      </c>
    </row>
    <row r="12" spans="1:4">
      <c r="A12" s="40" t="s">
        <v>534</v>
      </c>
      <c r="B12" s="48">
        <v>1958</v>
      </c>
      <c r="C12" s="162">
        <v>4.6186117703850869</v>
      </c>
      <c r="D12" s="81">
        <v>6.5440379549279351E-2</v>
      </c>
    </row>
    <row r="13" spans="1:4">
      <c r="A13" s="44" t="s">
        <v>535</v>
      </c>
      <c r="B13" s="44">
        <v>378</v>
      </c>
      <c r="C13" s="164">
        <v>5.1517719324706031</v>
      </c>
      <c r="D13" s="82">
        <v>0.14134474366154476</v>
      </c>
    </row>
    <row r="14" spans="1:4">
      <c r="A14" s="40" t="s">
        <v>536</v>
      </c>
      <c r="B14" s="48">
        <v>61</v>
      </c>
      <c r="C14" s="162">
        <v>4.56029056973839</v>
      </c>
      <c r="D14" s="81">
        <v>0.37283243821051038</v>
      </c>
    </row>
    <row r="15" spans="1:4">
      <c r="A15" s="44" t="s">
        <v>537</v>
      </c>
      <c r="B15" s="44">
        <v>122</v>
      </c>
      <c r="C15" s="164">
        <v>5.1063575692861773</v>
      </c>
      <c r="D15" s="82">
        <v>0.26159783016699378</v>
      </c>
    </row>
    <row r="16" spans="1:4">
      <c r="A16" s="40" t="s">
        <v>538</v>
      </c>
      <c r="B16" s="48">
        <v>78</v>
      </c>
      <c r="C16" s="162">
        <v>4.9279552874569266</v>
      </c>
      <c r="D16" s="81">
        <v>0.28586262177361471</v>
      </c>
    </row>
    <row r="17" spans="1:56">
      <c r="A17" s="44" t="s">
        <v>539</v>
      </c>
      <c r="B17" s="44">
        <v>117</v>
      </c>
      <c r="C17" s="164">
        <v>5.5120063010503095</v>
      </c>
      <c r="D17" s="82">
        <v>0.22023455485790766</v>
      </c>
    </row>
    <row r="18" spans="1:56">
      <c r="A18" s="40" t="s">
        <v>540</v>
      </c>
      <c r="B18" s="161">
        <v>264</v>
      </c>
      <c r="C18" s="162">
        <v>4.550342949526895</v>
      </c>
      <c r="D18" s="81">
        <v>0.19083909857824297</v>
      </c>
    </row>
    <row r="19" spans="1:56">
      <c r="A19" s="44" t="s">
        <v>541</v>
      </c>
      <c r="B19" s="163">
        <v>81</v>
      </c>
      <c r="C19" s="164">
        <v>4.0013352353287894</v>
      </c>
      <c r="D19" s="82">
        <v>0.30572385667986379</v>
      </c>
    </row>
    <row r="20" spans="1:56">
      <c r="A20" s="40" t="s">
        <v>542</v>
      </c>
      <c r="B20" s="78">
        <v>77</v>
      </c>
      <c r="C20" s="162">
        <v>5.238651781974859</v>
      </c>
      <c r="D20" s="81">
        <v>0.32484602837153531</v>
      </c>
    </row>
    <row r="21" spans="1:56">
      <c r="A21" s="44" t="s">
        <v>543</v>
      </c>
      <c r="B21" s="163">
        <v>61</v>
      </c>
      <c r="C21" s="164">
        <v>4.8163065533412315</v>
      </c>
      <c r="D21" s="82">
        <v>0.38191059980555825</v>
      </c>
    </row>
    <row r="22" spans="1:56">
      <c r="A22" s="52" t="s">
        <v>544</v>
      </c>
      <c r="B22" s="161">
        <v>45</v>
      </c>
      <c r="C22" s="162">
        <v>3.6154935889739557</v>
      </c>
      <c r="D22" s="81">
        <v>0.43403662927863063</v>
      </c>
    </row>
    <row r="23" spans="1:56">
      <c r="A23" s="44" t="s">
        <v>545</v>
      </c>
      <c r="B23" s="163">
        <v>510</v>
      </c>
      <c r="C23" s="164">
        <v>4.3781309523480134</v>
      </c>
      <c r="D23" s="82">
        <v>0.12384038079992732</v>
      </c>
    </row>
    <row r="24" spans="1:56">
      <c r="A24" s="52" t="s">
        <v>546</v>
      </c>
      <c r="B24" s="161">
        <v>58</v>
      </c>
      <c r="C24" s="162">
        <v>3.7121014108385171</v>
      </c>
      <c r="D24" s="81">
        <v>0.3035653631074145</v>
      </c>
    </row>
    <row r="25" spans="1:56">
      <c r="A25" s="44" t="s">
        <v>547</v>
      </c>
      <c r="B25" s="163">
        <v>112</v>
      </c>
      <c r="C25" s="164">
        <v>4.5260402325977074</v>
      </c>
      <c r="D25" s="82">
        <v>0.23612925885256419</v>
      </c>
    </row>
    <row r="26" spans="1:56">
      <c r="A26" s="52" t="s">
        <v>548</v>
      </c>
      <c r="B26" s="161">
        <v>118</v>
      </c>
      <c r="C26" s="162">
        <v>4.584534858644707</v>
      </c>
      <c r="D26" s="81">
        <v>0.27056336479372262</v>
      </c>
    </row>
    <row r="27" spans="1:56">
      <c r="A27" s="44" t="s">
        <v>549</v>
      </c>
      <c r="B27" s="163">
        <v>62</v>
      </c>
      <c r="C27" s="164">
        <v>3.5279134998892134</v>
      </c>
      <c r="D27" s="82">
        <v>0.34246360371330931</v>
      </c>
    </row>
    <row r="28" spans="1:56">
      <c r="A28" s="52" t="s">
        <v>550</v>
      </c>
      <c r="B28" s="161">
        <v>96</v>
      </c>
      <c r="C28" s="162">
        <v>4.8683401280415985</v>
      </c>
      <c r="D28" s="81">
        <v>0.26810972096047075</v>
      </c>
    </row>
    <row r="29" spans="1:56">
      <c r="A29" s="44" t="s">
        <v>551</v>
      </c>
      <c r="B29" s="163">
        <v>64</v>
      </c>
      <c r="C29" s="164">
        <v>3.8708637417384439</v>
      </c>
      <c r="D29" s="82">
        <v>0.31794211958507479</v>
      </c>
    </row>
    <row r="32" spans="1:56" ht="18.75">
      <c r="A32" s="336" t="s">
        <v>404</v>
      </c>
      <c r="B32" s="336"/>
      <c r="C32" s="336"/>
      <c r="D32" s="336"/>
      <c r="E32" s="336"/>
      <c r="F32" s="336"/>
      <c r="G32" s="336"/>
      <c r="H32" s="336"/>
      <c r="I32" s="336"/>
      <c r="J32" s="336"/>
      <c r="K32" s="336"/>
      <c r="L32" s="336"/>
      <c r="M32" s="336"/>
      <c r="N32" s="336"/>
      <c r="O32" s="336"/>
      <c r="P32" s="336"/>
      <c r="Q32" s="336"/>
      <c r="R32" s="336"/>
      <c r="S32" s="336"/>
      <c r="T32" s="336"/>
      <c r="U32" s="336"/>
      <c r="V32" s="336"/>
      <c r="W32" s="336"/>
      <c r="X32" s="336"/>
      <c r="Y32" s="336"/>
      <c r="Z32" s="336"/>
      <c r="AA32" s="336"/>
      <c r="AB32" s="336"/>
      <c r="AC32" s="336"/>
      <c r="AD32" s="336"/>
      <c r="AE32" s="336"/>
      <c r="AF32" s="336"/>
      <c r="AG32" s="336"/>
      <c r="AH32" s="336"/>
      <c r="AI32" s="336"/>
      <c r="AJ32" s="336"/>
      <c r="AK32" s="336"/>
      <c r="AL32" s="336"/>
      <c r="AM32" s="336"/>
      <c r="AN32" s="336"/>
      <c r="AO32" s="336"/>
      <c r="AP32" s="336"/>
      <c r="AQ32" s="336"/>
      <c r="AR32" s="336"/>
      <c r="AS32" s="336"/>
      <c r="AT32" s="336"/>
      <c r="AU32" s="336"/>
      <c r="AV32" s="336"/>
      <c r="AW32" s="336"/>
      <c r="AX32" s="336"/>
      <c r="AY32" s="336"/>
      <c r="AZ32" s="336"/>
      <c r="BA32" s="336"/>
      <c r="BB32" s="336"/>
      <c r="BC32" s="336"/>
      <c r="BD32" s="336"/>
    </row>
    <row r="33" spans="1:56" ht="69" customHeight="1">
      <c r="A33" s="414" t="s">
        <v>601</v>
      </c>
      <c r="B33" s="414"/>
      <c r="C33" s="414"/>
      <c r="D33" s="414"/>
      <c r="E33" s="414"/>
      <c r="F33" s="414"/>
      <c r="G33" s="414"/>
      <c r="H33" s="414"/>
      <c r="I33" s="414"/>
      <c r="J33" s="414"/>
      <c r="K33" s="414"/>
      <c r="L33" s="414"/>
      <c r="M33" s="414"/>
      <c r="N33" s="414"/>
      <c r="O33" s="414"/>
      <c r="P33" s="414"/>
      <c r="Q33" s="414"/>
      <c r="R33" s="414"/>
      <c r="S33" s="414"/>
      <c r="T33" s="414"/>
      <c r="U33" s="414"/>
      <c r="V33" s="414"/>
      <c r="W33" s="414"/>
      <c r="X33" s="414"/>
      <c r="Y33" s="414"/>
      <c r="Z33" s="414"/>
      <c r="AA33" s="414"/>
      <c r="AB33" s="414"/>
      <c r="AC33" s="414"/>
      <c r="AD33" s="414"/>
      <c r="AE33" s="414"/>
      <c r="AF33" s="414"/>
      <c r="AG33" s="414"/>
      <c r="AH33" s="414"/>
      <c r="AI33" s="414"/>
      <c r="AJ33" s="414"/>
      <c r="AK33" s="414"/>
      <c r="AL33" s="414"/>
      <c r="AM33" s="414"/>
      <c r="AN33" s="414"/>
      <c r="AO33" s="414"/>
      <c r="AP33" s="414"/>
      <c r="AQ33" s="414"/>
      <c r="AR33" s="414"/>
      <c r="AS33" s="414"/>
      <c r="AT33" s="414"/>
      <c r="AU33" s="414"/>
      <c r="AV33" s="414"/>
      <c r="AW33" s="414"/>
      <c r="AX33" s="414"/>
      <c r="AY33" s="414"/>
      <c r="AZ33" s="414"/>
      <c r="BA33" s="414"/>
      <c r="BB33" s="414"/>
      <c r="BC33" s="414"/>
      <c r="BD33" s="414"/>
    </row>
    <row r="34" spans="1:56" ht="34.5" customHeight="1">
      <c r="A34" s="59"/>
      <c r="B34" s="398" t="s">
        <v>405</v>
      </c>
      <c r="C34" s="399"/>
      <c r="D34" s="399"/>
      <c r="E34" s="399"/>
      <c r="F34" s="399"/>
      <c r="G34" s="399"/>
      <c r="H34" s="399"/>
      <c r="I34" s="399"/>
      <c r="J34" s="399"/>
      <c r="K34" s="399"/>
      <c r="L34" s="400"/>
      <c r="M34" s="411" t="s">
        <v>406</v>
      </c>
      <c r="N34" s="412"/>
      <c r="O34" s="412"/>
      <c r="P34" s="412"/>
      <c r="Q34" s="412"/>
      <c r="R34" s="412"/>
      <c r="S34" s="412"/>
      <c r="T34" s="412"/>
      <c r="U34" s="412"/>
      <c r="V34" s="412"/>
      <c r="W34" s="412"/>
      <c r="X34" s="398" t="s">
        <v>407</v>
      </c>
      <c r="Y34" s="399"/>
      <c r="Z34" s="399"/>
      <c r="AA34" s="399"/>
      <c r="AB34" s="399"/>
      <c r="AC34" s="399"/>
      <c r="AD34" s="399"/>
      <c r="AE34" s="399"/>
      <c r="AF34" s="399"/>
      <c r="AG34" s="399"/>
      <c r="AH34" s="400"/>
      <c r="AI34" s="411" t="s">
        <v>408</v>
      </c>
      <c r="AJ34" s="412"/>
      <c r="AK34" s="412"/>
      <c r="AL34" s="412"/>
      <c r="AM34" s="412"/>
      <c r="AN34" s="412"/>
      <c r="AO34" s="412"/>
      <c r="AP34" s="412"/>
      <c r="AQ34" s="412"/>
      <c r="AR34" s="412"/>
      <c r="AS34" s="412"/>
      <c r="AT34" s="398" t="s">
        <v>409</v>
      </c>
      <c r="AU34" s="399"/>
      <c r="AV34" s="399"/>
      <c r="AW34" s="399"/>
      <c r="AX34" s="399"/>
      <c r="AY34" s="399"/>
      <c r="AZ34" s="399"/>
      <c r="BA34" s="399"/>
      <c r="BB34" s="399"/>
      <c r="BC34" s="399"/>
      <c r="BD34" s="400"/>
    </row>
    <row r="35" spans="1:56" ht="49.5" customHeight="1">
      <c r="A35" s="32" t="s">
        <v>71</v>
      </c>
      <c r="B35" s="33" t="s">
        <v>72</v>
      </c>
      <c r="C35" s="34" t="s">
        <v>589</v>
      </c>
      <c r="D35" s="35" t="s">
        <v>73</v>
      </c>
      <c r="E35" s="33" t="s">
        <v>312</v>
      </c>
      <c r="F35" s="84" t="s">
        <v>143</v>
      </c>
      <c r="G35" s="33" t="s">
        <v>313</v>
      </c>
      <c r="H35" s="84" t="s">
        <v>144</v>
      </c>
      <c r="I35" s="33" t="s">
        <v>314</v>
      </c>
      <c r="J35" s="84" t="s">
        <v>117</v>
      </c>
      <c r="K35" s="33" t="s">
        <v>301</v>
      </c>
      <c r="L35" s="84" t="s">
        <v>315</v>
      </c>
      <c r="M35" s="60" t="s">
        <v>72</v>
      </c>
      <c r="N35" s="61" t="s">
        <v>589</v>
      </c>
      <c r="O35" s="62" t="s">
        <v>73</v>
      </c>
      <c r="P35" s="60" t="s">
        <v>312</v>
      </c>
      <c r="Q35" s="83" t="s">
        <v>143</v>
      </c>
      <c r="R35" s="60" t="s">
        <v>316</v>
      </c>
      <c r="S35" s="83" t="s">
        <v>317</v>
      </c>
      <c r="T35" s="60" t="s">
        <v>314</v>
      </c>
      <c r="U35" s="83" t="s">
        <v>117</v>
      </c>
      <c r="V35" s="60" t="s">
        <v>301</v>
      </c>
      <c r="W35" s="83" t="s">
        <v>315</v>
      </c>
      <c r="X35" s="33" t="s">
        <v>72</v>
      </c>
      <c r="Y35" s="34" t="s">
        <v>589</v>
      </c>
      <c r="Z35" s="35" t="s">
        <v>73</v>
      </c>
      <c r="AA35" s="33" t="s">
        <v>312</v>
      </c>
      <c r="AB35" s="84" t="s">
        <v>143</v>
      </c>
      <c r="AC35" s="33" t="s">
        <v>313</v>
      </c>
      <c r="AD35" s="84" t="s">
        <v>144</v>
      </c>
      <c r="AE35" s="33" t="s">
        <v>314</v>
      </c>
      <c r="AF35" s="84" t="s">
        <v>117</v>
      </c>
      <c r="AG35" s="33" t="s">
        <v>301</v>
      </c>
      <c r="AH35" s="84" t="s">
        <v>315</v>
      </c>
      <c r="AI35" s="60" t="s">
        <v>72</v>
      </c>
      <c r="AJ35" s="61" t="s">
        <v>589</v>
      </c>
      <c r="AK35" s="62" t="s">
        <v>73</v>
      </c>
      <c r="AL35" s="60" t="s">
        <v>312</v>
      </c>
      <c r="AM35" s="83" t="s">
        <v>143</v>
      </c>
      <c r="AN35" s="60" t="s">
        <v>316</v>
      </c>
      <c r="AO35" s="83" t="s">
        <v>317</v>
      </c>
      <c r="AP35" s="60" t="s">
        <v>314</v>
      </c>
      <c r="AQ35" s="83" t="s">
        <v>117</v>
      </c>
      <c r="AR35" s="60" t="s">
        <v>301</v>
      </c>
      <c r="AS35" s="83" t="s">
        <v>315</v>
      </c>
      <c r="AT35" s="33" t="s">
        <v>72</v>
      </c>
      <c r="AU35" s="34" t="s">
        <v>589</v>
      </c>
      <c r="AV35" s="35" t="s">
        <v>73</v>
      </c>
      <c r="AW35" s="33" t="s">
        <v>312</v>
      </c>
      <c r="AX35" s="84" t="s">
        <v>143</v>
      </c>
      <c r="AY35" s="33" t="s">
        <v>313</v>
      </c>
      <c r="AZ35" s="84" t="s">
        <v>144</v>
      </c>
      <c r="BA35" s="33" t="s">
        <v>314</v>
      </c>
      <c r="BB35" s="84" t="s">
        <v>117</v>
      </c>
      <c r="BC35" s="33" t="s">
        <v>301</v>
      </c>
      <c r="BD35" s="84" t="s">
        <v>315</v>
      </c>
    </row>
    <row r="36" spans="1:56" ht="72">
      <c r="A36" s="36"/>
      <c r="B36" s="37" t="s">
        <v>74</v>
      </c>
      <c r="C36" s="123" t="s">
        <v>304</v>
      </c>
      <c r="D36" s="39" t="s">
        <v>76</v>
      </c>
      <c r="E36" s="37" t="s">
        <v>159</v>
      </c>
      <c r="F36" s="86" t="s">
        <v>88</v>
      </c>
      <c r="G36" s="37" t="s">
        <v>160</v>
      </c>
      <c r="H36" s="86" t="s">
        <v>88</v>
      </c>
      <c r="I36" s="37" t="s">
        <v>161</v>
      </c>
      <c r="J36" s="86" t="s">
        <v>88</v>
      </c>
      <c r="K36" s="37" t="s">
        <v>301</v>
      </c>
      <c r="L36" s="86" t="s">
        <v>88</v>
      </c>
      <c r="M36" s="63" t="s">
        <v>74</v>
      </c>
      <c r="N36" s="254" t="s">
        <v>304</v>
      </c>
      <c r="O36" s="65" t="s">
        <v>76</v>
      </c>
      <c r="P36" s="63" t="s">
        <v>159</v>
      </c>
      <c r="Q36" s="85" t="s">
        <v>88</v>
      </c>
      <c r="R36" s="63" t="s">
        <v>160</v>
      </c>
      <c r="S36" s="85" t="s">
        <v>88</v>
      </c>
      <c r="T36" s="63" t="s">
        <v>161</v>
      </c>
      <c r="U36" s="85" t="s">
        <v>88</v>
      </c>
      <c r="V36" s="63" t="s">
        <v>301</v>
      </c>
      <c r="W36" s="85" t="s">
        <v>88</v>
      </c>
      <c r="X36" s="37" t="s">
        <v>74</v>
      </c>
      <c r="Y36" s="123" t="s">
        <v>304</v>
      </c>
      <c r="Z36" s="39" t="s">
        <v>76</v>
      </c>
      <c r="AA36" s="37" t="s">
        <v>159</v>
      </c>
      <c r="AB36" s="86" t="s">
        <v>88</v>
      </c>
      <c r="AC36" s="37" t="s">
        <v>160</v>
      </c>
      <c r="AD36" s="86" t="s">
        <v>88</v>
      </c>
      <c r="AE36" s="37" t="s">
        <v>161</v>
      </c>
      <c r="AF36" s="86" t="s">
        <v>88</v>
      </c>
      <c r="AG36" s="37" t="s">
        <v>301</v>
      </c>
      <c r="AH36" s="86" t="s">
        <v>88</v>
      </c>
      <c r="AI36" s="63" t="s">
        <v>74</v>
      </c>
      <c r="AJ36" s="254" t="s">
        <v>304</v>
      </c>
      <c r="AK36" s="65" t="s">
        <v>76</v>
      </c>
      <c r="AL36" s="63" t="s">
        <v>159</v>
      </c>
      <c r="AM36" s="85" t="s">
        <v>88</v>
      </c>
      <c r="AN36" s="63" t="s">
        <v>160</v>
      </c>
      <c r="AO36" s="85" t="s">
        <v>88</v>
      </c>
      <c r="AP36" s="63" t="s">
        <v>161</v>
      </c>
      <c r="AQ36" s="85" t="s">
        <v>88</v>
      </c>
      <c r="AR36" s="63" t="s">
        <v>301</v>
      </c>
      <c r="AS36" s="85" t="s">
        <v>88</v>
      </c>
      <c r="AT36" s="37" t="s">
        <v>74</v>
      </c>
      <c r="AU36" s="123" t="s">
        <v>304</v>
      </c>
      <c r="AV36" s="39" t="s">
        <v>76</v>
      </c>
      <c r="AW36" s="37" t="s">
        <v>159</v>
      </c>
      <c r="AX36" s="86" t="s">
        <v>88</v>
      </c>
      <c r="AY36" s="37" t="s">
        <v>160</v>
      </c>
      <c r="AZ36" s="86" t="s">
        <v>88</v>
      </c>
      <c r="BA36" s="37" t="s">
        <v>161</v>
      </c>
      <c r="BB36" s="86" t="s">
        <v>88</v>
      </c>
      <c r="BC36" s="37" t="s">
        <v>301</v>
      </c>
      <c r="BD36" s="86" t="s">
        <v>88</v>
      </c>
    </row>
    <row r="37" spans="1:56">
      <c r="A37" s="40" t="s">
        <v>349</v>
      </c>
      <c r="B37" s="191">
        <v>13940</v>
      </c>
      <c r="C37" s="79">
        <v>5.3923572280825276</v>
      </c>
      <c r="D37" s="80">
        <v>2.9743774228974319E-2</v>
      </c>
      <c r="E37" s="193">
        <v>0.13862554606183874</v>
      </c>
      <c r="F37" s="89">
        <v>5.8545042434810807E-3</v>
      </c>
      <c r="G37" s="193">
        <v>0.10636068005020874</v>
      </c>
      <c r="H37" s="89">
        <v>5.2240938731128147E-3</v>
      </c>
      <c r="I37" s="193">
        <v>0.74136904747388854</v>
      </c>
      <c r="J37" s="89">
        <v>7.4170571949616374E-3</v>
      </c>
      <c r="K37" s="193">
        <v>1.3644726414063765E-2</v>
      </c>
      <c r="L37" s="89">
        <v>1.974757352491056E-3</v>
      </c>
      <c r="M37" s="191">
        <v>13891</v>
      </c>
      <c r="N37" s="79">
        <v>4.4888687252785306</v>
      </c>
      <c r="O37" s="80">
        <v>3.5824400742918844E-2</v>
      </c>
      <c r="P37" s="193">
        <v>0.25315772708698303</v>
      </c>
      <c r="Q37" s="89">
        <v>7.3782104949347595E-3</v>
      </c>
      <c r="R37" s="193">
        <v>0.13848449710155714</v>
      </c>
      <c r="S37" s="89">
        <v>5.8623229416315172E-3</v>
      </c>
      <c r="T37" s="193">
        <v>0.46349818206867222</v>
      </c>
      <c r="U37" s="89">
        <v>8.46079176421171E-3</v>
      </c>
      <c r="V37" s="193">
        <v>0.14485959374280638</v>
      </c>
      <c r="W37" s="89">
        <v>5.9733821780276336E-3</v>
      </c>
      <c r="X37" s="191">
        <v>13899</v>
      </c>
      <c r="Y37" s="79">
        <v>4.6005030812762415</v>
      </c>
      <c r="Z37" s="80">
        <v>3.4101744936513793E-2</v>
      </c>
      <c r="AA37" s="193">
        <v>0.26523134780133095</v>
      </c>
      <c r="AB37" s="89">
        <v>7.4885683846324675E-3</v>
      </c>
      <c r="AC37" s="193">
        <v>0.13513539828581758</v>
      </c>
      <c r="AD37" s="89">
        <v>5.8006493954506372E-3</v>
      </c>
      <c r="AE37" s="193">
        <v>0.53565305596212776</v>
      </c>
      <c r="AF37" s="89">
        <v>8.4593980748710433E-3</v>
      </c>
      <c r="AG37" s="193">
        <v>6.3980197950739087E-2</v>
      </c>
      <c r="AH37" s="89">
        <v>4.1546771624056131E-3</v>
      </c>
      <c r="AI37" s="191">
        <v>13873</v>
      </c>
      <c r="AJ37" s="79">
        <v>5.4453897656438359</v>
      </c>
      <c r="AK37" s="80">
        <v>2.6492579756538036E-2</v>
      </c>
      <c r="AL37" s="193">
        <v>9.4930252377145641E-2</v>
      </c>
      <c r="AM37" s="89">
        <v>4.9792558899389664E-3</v>
      </c>
      <c r="AN37" s="193">
        <v>0.11528343223800952</v>
      </c>
      <c r="AO37" s="89">
        <v>5.4243697892731712E-3</v>
      </c>
      <c r="AP37" s="193">
        <v>0.67995250813807673</v>
      </c>
      <c r="AQ37" s="89">
        <v>7.9204039256124386E-3</v>
      </c>
      <c r="AR37" s="193">
        <v>0.10983380724677951</v>
      </c>
      <c r="AS37" s="89">
        <v>5.3110521555264183E-3</v>
      </c>
      <c r="AT37" s="191">
        <v>12496</v>
      </c>
      <c r="AU37" s="79">
        <v>5.1109221959418552</v>
      </c>
      <c r="AV37" s="80">
        <v>3.4400193252542538E-2</v>
      </c>
      <c r="AW37" s="193">
        <v>0.10971395465517197</v>
      </c>
      <c r="AX37" s="89">
        <v>5.5935469693539283E-3</v>
      </c>
      <c r="AY37" s="193">
        <v>0.12233961470793496</v>
      </c>
      <c r="AZ37" s="89">
        <v>5.8641664448586114E-3</v>
      </c>
      <c r="BA37" s="193">
        <v>0.52518936648083892</v>
      </c>
      <c r="BB37" s="89">
        <v>8.9329216153999393E-3</v>
      </c>
      <c r="BC37" s="193">
        <v>0.24275706415607431</v>
      </c>
      <c r="BD37" s="89">
        <v>7.6705862408790494E-3</v>
      </c>
    </row>
    <row r="38" spans="1:56">
      <c r="A38" s="44" t="s">
        <v>350</v>
      </c>
      <c r="B38" s="44">
        <v>10237</v>
      </c>
      <c r="C38" s="175">
        <v>5.09793175000154</v>
      </c>
      <c r="D38" s="127">
        <v>3.6227436418477137E-2</v>
      </c>
      <c r="E38" s="194">
        <v>0.20505237295533468</v>
      </c>
      <c r="F38" s="92">
        <v>7.980883358613914E-3</v>
      </c>
      <c r="G38" s="194">
        <v>0.10934293891190253</v>
      </c>
      <c r="H38" s="92">
        <v>6.1712771353111418E-3</v>
      </c>
      <c r="I38" s="194">
        <v>0.67649742335706919</v>
      </c>
      <c r="J38" s="92">
        <v>9.2460214665211673E-3</v>
      </c>
      <c r="K38" s="194">
        <v>9.1072647756860227E-3</v>
      </c>
      <c r="L38" s="92">
        <v>1.8969167039083483E-3</v>
      </c>
      <c r="M38" s="44">
        <v>10202</v>
      </c>
      <c r="N38" s="175">
        <v>3.9950778559713549</v>
      </c>
      <c r="O38" s="127">
        <v>4.2272162203040323E-2</v>
      </c>
      <c r="P38" s="194">
        <v>0.35080112657794904</v>
      </c>
      <c r="Q38" s="92">
        <v>9.447963688091655E-3</v>
      </c>
      <c r="R38" s="194">
        <v>0.12533013974003504</v>
      </c>
      <c r="S38" s="92">
        <v>6.5579767007389045E-3</v>
      </c>
      <c r="T38" s="194">
        <v>0.36984934619564652</v>
      </c>
      <c r="U38" s="92">
        <v>9.557607805195472E-3</v>
      </c>
      <c r="V38" s="194">
        <v>0.15401938748636876</v>
      </c>
      <c r="W38" s="92">
        <v>7.1486889222696541E-3</v>
      </c>
      <c r="X38" s="44">
        <v>10203</v>
      </c>
      <c r="Y38" s="175">
        <v>4.0246571952324945</v>
      </c>
      <c r="Z38" s="127">
        <v>4.0117288152217344E-2</v>
      </c>
      <c r="AA38" s="194">
        <v>0.39680804169681044</v>
      </c>
      <c r="AB38" s="92">
        <v>9.6851535940097652E-3</v>
      </c>
      <c r="AC38" s="194">
        <v>0.12694800785596802</v>
      </c>
      <c r="AD38" s="92">
        <v>6.5936743955059361E-3</v>
      </c>
      <c r="AE38" s="194">
        <v>0.41817946931466099</v>
      </c>
      <c r="AF38" s="92">
        <v>9.7647582304861303E-3</v>
      </c>
      <c r="AG38" s="194">
        <v>5.8064481132560769E-2</v>
      </c>
      <c r="AH38" s="92">
        <v>4.6361085122541583E-3</v>
      </c>
      <c r="AI38" s="44">
        <v>10195</v>
      </c>
      <c r="AJ38" s="175">
        <v>5.42475305301285</v>
      </c>
      <c r="AK38" s="127">
        <v>3.1646890455128363E-2</v>
      </c>
      <c r="AL38" s="194">
        <v>0.100853439818381</v>
      </c>
      <c r="AM38" s="92">
        <v>5.9677522300923876E-3</v>
      </c>
      <c r="AN38" s="194">
        <v>0.10833693314830201</v>
      </c>
      <c r="AO38" s="92">
        <v>6.1589987496151501E-3</v>
      </c>
      <c r="AP38" s="194">
        <v>0.66639303561309138</v>
      </c>
      <c r="AQ38" s="92">
        <v>9.3380283067416199E-3</v>
      </c>
      <c r="AR38" s="194">
        <v>0.12441659142021783</v>
      </c>
      <c r="AS38" s="92">
        <v>6.5397254220062326E-3</v>
      </c>
      <c r="AT38" s="44">
        <v>8834</v>
      </c>
      <c r="AU38" s="175">
        <v>4.9025365079343191</v>
      </c>
      <c r="AV38" s="127">
        <v>4.3705890939296527E-2</v>
      </c>
      <c r="AW38" s="194">
        <v>0.1377063033555474</v>
      </c>
      <c r="AX38" s="92">
        <v>7.3345694733621793E-3</v>
      </c>
      <c r="AY38" s="194">
        <v>0.11459535486474738</v>
      </c>
      <c r="AZ38" s="92">
        <v>6.7810179895330253E-3</v>
      </c>
      <c r="BA38" s="194">
        <v>0.45164065069923159</v>
      </c>
      <c r="BB38" s="92">
        <v>1.0587270057826835E-2</v>
      </c>
      <c r="BC38" s="194">
        <v>0.29605769108047647</v>
      </c>
      <c r="BD38" s="92">
        <v>9.712900063322925E-3</v>
      </c>
    </row>
    <row r="39" spans="1:56">
      <c r="A39" s="40" t="s">
        <v>351</v>
      </c>
      <c r="B39" s="48">
        <v>3703</v>
      </c>
      <c r="C39" s="79">
        <v>5.6346068862803182</v>
      </c>
      <c r="D39" s="80">
        <v>4.5919245388859074E-2</v>
      </c>
      <c r="E39" s="193">
        <v>8.4424856767128811E-2</v>
      </c>
      <c r="F39" s="89">
        <v>9.1547146304464099E-3</v>
      </c>
      <c r="G39" s="193">
        <v>0.10392731850761371</v>
      </c>
      <c r="H39" s="89">
        <v>1.0042520548455001E-2</v>
      </c>
      <c r="I39" s="193">
        <v>0.79430077562095602</v>
      </c>
      <c r="J39" s="89">
        <v>1.3285431587012137E-2</v>
      </c>
      <c r="K39" s="193">
        <v>1.734704910430206E-2</v>
      </c>
      <c r="L39" s="89">
        <v>4.3515083861591095E-3</v>
      </c>
      <c r="M39" s="48">
        <v>3689</v>
      </c>
      <c r="N39" s="79">
        <v>4.8840167198156124</v>
      </c>
      <c r="O39" s="80">
        <v>5.8626969043232585E-2</v>
      </c>
      <c r="P39" s="193">
        <v>0.17348384769875286</v>
      </c>
      <c r="Q39" s="89">
        <v>1.2472250413822907E-2</v>
      </c>
      <c r="R39" s="193">
        <v>0.14921803042090873</v>
      </c>
      <c r="S39" s="89">
        <v>1.1738573934670695E-2</v>
      </c>
      <c r="T39" s="193">
        <v>0.53991262578008392</v>
      </c>
      <c r="U39" s="89">
        <v>1.6403074458564502E-2</v>
      </c>
      <c r="V39" s="193">
        <v>0.13738549610025569</v>
      </c>
      <c r="W39" s="89">
        <v>1.1343319567714845E-2</v>
      </c>
      <c r="X39" s="48">
        <v>3696</v>
      </c>
      <c r="Y39" s="79">
        <v>5.0755890139435946</v>
      </c>
      <c r="Z39" s="80">
        <v>5.473836417165108E-2</v>
      </c>
      <c r="AA39" s="193">
        <v>0.15791539994932807</v>
      </c>
      <c r="AB39" s="89">
        <v>1.2001396761399264E-2</v>
      </c>
      <c r="AC39" s="193">
        <v>0.14181315814130563</v>
      </c>
      <c r="AD39" s="89">
        <v>1.1483451644735765E-2</v>
      </c>
      <c r="AE39" s="193">
        <v>0.63146629556715328</v>
      </c>
      <c r="AF39" s="89">
        <v>1.5862720615133673E-2</v>
      </c>
      <c r="AG39" s="193">
        <v>6.880514634221338E-2</v>
      </c>
      <c r="AH39" s="89">
        <v>8.3486713317167185E-3</v>
      </c>
      <c r="AI39" s="48">
        <v>3678</v>
      </c>
      <c r="AJ39" s="79">
        <v>5.4617472035240109</v>
      </c>
      <c r="AK39" s="80">
        <v>4.792711184259766E-2</v>
      </c>
      <c r="AL39" s="193">
        <v>9.0093261629132768E-2</v>
      </c>
      <c r="AM39" s="89">
        <v>9.4579510640699672E-3</v>
      </c>
      <c r="AN39" s="193">
        <v>0.12095607929861668</v>
      </c>
      <c r="AO39" s="89">
        <v>1.0763251619439602E-2</v>
      </c>
      <c r="AP39" s="193">
        <v>0.69102543868465216</v>
      </c>
      <c r="AQ39" s="89">
        <v>1.5232706003077566E-2</v>
      </c>
      <c r="AR39" s="193">
        <v>9.7925220387598488E-2</v>
      </c>
      <c r="AS39" s="89">
        <v>9.8156242146173727E-3</v>
      </c>
      <c r="AT39" s="48">
        <v>3662</v>
      </c>
      <c r="AU39" s="79">
        <v>5.2576190783384709</v>
      </c>
      <c r="AV39" s="80">
        <v>5.227008865809326E-2</v>
      </c>
      <c r="AW39" s="193">
        <v>8.73226548364118E-2</v>
      </c>
      <c r="AX39" s="89">
        <v>9.3468557777914296E-3</v>
      </c>
      <c r="AY39" s="193">
        <v>0.12853430904670382</v>
      </c>
      <c r="AZ39" s="89">
        <v>1.107008831767956E-2</v>
      </c>
      <c r="BA39" s="193">
        <v>0.58402156252046245</v>
      </c>
      <c r="BB39" s="89">
        <v>1.6281611134885458E-2</v>
      </c>
      <c r="BC39" s="193">
        <v>0.20012147359642266</v>
      </c>
      <c r="BD39" s="89">
        <v>1.3223868824163425E-2</v>
      </c>
    </row>
    <row r="40" spans="1:56">
      <c r="A40" s="44" t="s">
        <v>533</v>
      </c>
      <c r="B40" s="44">
        <v>3210</v>
      </c>
      <c r="C40" s="175">
        <v>5.4711735009245279</v>
      </c>
      <c r="D40" s="127">
        <v>6.2544328275914676E-2</v>
      </c>
      <c r="E40" s="194">
        <v>0.1191685862403549</v>
      </c>
      <c r="F40" s="92">
        <v>1.1449312644252285E-2</v>
      </c>
      <c r="G40" s="194">
        <v>9.7178783659640888E-2</v>
      </c>
      <c r="H40" s="92">
        <v>1.0473465546211131E-2</v>
      </c>
      <c r="I40" s="194">
        <v>0.76656595669051086</v>
      </c>
      <c r="J40" s="92">
        <v>1.4930636153307844E-2</v>
      </c>
      <c r="K40" s="194">
        <v>1.7086673409490671E-2</v>
      </c>
      <c r="L40" s="92">
        <v>4.6501542508024431E-3</v>
      </c>
      <c r="M40" s="44">
        <v>3201</v>
      </c>
      <c r="N40" s="175">
        <v>4.6482114740604246</v>
      </c>
      <c r="O40" s="127">
        <v>7.6531326148052137E-2</v>
      </c>
      <c r="P40" s="194">
        <v>0.21498209458271059</v>
      </c>
      <c r="Q40" s="92">
        <v>1.4521700937547446E-2</v>
      </c>
      <c r="R40" s="194">
        <v>0.13174978446021235</v>
      </c>
      <c r="S40" s="92">
        <v>1.1966153994484538E-2</v>
      </c>
      <c r="T40" s="194">
        <v>0.49432284958287098</v>
      </c>
      <c r="U40" s="92">
        <v>1.7662739202808614E-2</v>
      </c>
      <c r="V40" s="194">
        <v>0.15894527137420097</v>
      </c>
      <c r="W40" s="92">
        <v>1.2930720621916468E-2</v>
      </c>
      <c r="X40" s="44">
        <v>3202</v>
      </c>
      <c r="Y40" s="175">
        <v>4.8404623905785584</v>
      </c>
      <c r="Z40" s="127">
        <v>7.0951628418882806E-2</v>
      </c>
      <c r="AA40" s="194">
        <v>0.20783081290225605</v>
      </c>
      <c r="AB40" s="92">
        <v>1.4341440198113203E-2</v>
      </c>
      <c r="AC40" s="194">
        <v>0.12112634938886588</v>
      </c>
      <c r="AD40" s="92">
        <v>1.1544090797466672E-2</v>
      </c>
      <c r="AE40" s="194">
        <v>0.59841924955398818</v>
      </c>
      <c r="AF40" s="92">
        <v>1.7316466757085758E-2</v>
      </c>
      <c r="AG40" s="194">
        <v>7.2623588154884816E-2</v>
      </c>
      <c r="AH40" s="92">
        <v>9.1976895167030434E-3</v>
      </c>
      <c r="AI40" s="44">
        <v>3194</v>
      </c>
      <c r="AJ40" s="175">
        <v>5.4965788280474532</v>
      </c>
      <c r="AK40" s="127">
        <v>5.39184280467008E-2</v>
      </c>
      <c r="AL40" s="194">
        <v>8.0722701380157524E-2</v>
      </c>
      <c r="AM40" s="92">
        <v>9.662602733528711E-3</v>
      </c>
      <c r="AN40" s="194">
        <v>0.10562344483645129</v>
      </c>
      <c r="AO40" s="92">
        <v>1.0892387640438751E-2</v>
      </c>
      <c r="AP40" s="194">
        <v>0.68834906044369559</v>
      </c>
      <c r="AQ40" s="92">
        <v>1.6383968422949192E-2</v>
      </c>
      <c r="AR40" s="194">
        <v>0.12530479333969177</v>
      </c>
      <c r="AS40" s="92">
        <v>1.1727278976244888E-2</v>
      </c>
      <c r="AT40" s="44">
        <v>2693</v>
      </c>
      <c r="AU40" s="175">
        <v>5.1972956997502342</v>
      </c>
      <c r="AV40" s="127">
        <v>7.4933386586816822E-2</v>
      </c>
      <c r="AW40" s="194">
        <v>9.8714280600361484E-2</v>
      </c>
      <c r="AX40" s="92">
        <v>1.1517881152582983E-2</v>
      </c>
      <c r="AY40" s="194">
        <v>0.10910510632615406</v>
      </c>
      <c r="AZ40" s="92">
        <v>1.2034685185197033E-2</v>
      </c>
      <c r="BA40" s="194">
        <v>0.5370674223810642</v>
      </c>
      <c r="BB40" s="92">
        <v>1.9202879480534684E-2</v>
      </c>
      <c r="BC40" s="194">
        <v>0.25511319069241317</v>
      </c>
      <c r="BD40" s="92">
        <v>1.67959334343116E-2</v>
      </c>
    </row>
    <row r="41" spans="1:56">
      <c r="A41" s="40" t="s">
        <v>534</v>
      </c>
      <c r="B41" s="48">
        <v>2526</v>
      </c>
      <c r="C41" s="79">
        <v>5.0245472305245293</v>
      </c>
      <c r="D41" s="80">
        <v>7.3086288187027851E-2</v>
      </c>
      <c r="E41" s="193">
        <v>0.22659973479454959</v>
      </c>
      <c r="F41" s="89">
        <v>1.6656894002829346E-2</v>
      </c>
      <c r="G41" s="193">
        <v>9.8784773640688814E-2</v>
      </c>
      <c r="H41" s="89">
        <v>1.1897782526559226E-2</v>
      </c>
      <c r="I41" s="193">
        <v>0.66947301372283063</v>
      </c>
      <c r="J41" s="89">
        <v>1.8708060596754075E-2</v>
      </c>
      <c r="K41" s="193">
        <v>5.1424778419336533E-3</v>
      </c>
      <c r="L41" s="89">
        <v>3.0515355546282021E-3</v>
      </c>
      <c r="M41" s="48">
        <v>2518</v>
      </c>
      <c r="N41" s="79">
        <v>3.807231795425849</v>
      </c>
      <c r="O41" s="80">
        <v>8.719349722468217E-2</v>
      </c>
      <c r="P41" s="193">
        <v>0.3931344109304139</v>
      </c>
      <c r="Q41" s="89">
        <v>1.9453922590414327E-2</v>
      </c>
      <c r="R41" s="193">
        <v>8.9271586410648016E-2</v>
      </c>
      <c r="S41" s="89">
        <v>1.1392838984496566E-2</v>
      </c>
      <c r="T41" s="193">
        <v>0.34769966401807822</v>
      </c>
      <c r="U41" s="89">
        <v>1.8969407613042853E-2</v>
      </c>
      <c r="V41" s="193">
        <v>0.16989433864086401</v>
      </c>
      <c r="W41" s="89">
        <v>1.4974238496415391E-2</v>
      </c>
      <c r="X41" s="48">
        <v>2518</v>
      </c>
      <c r="Y41" s="79">
        <v>4.027126314807556</v>
      </c>
      <c r="Z41" s="80">
        <v>8.0999631536888786E-2</v>
      </c>
      <c r="AA41" s="193">
        <v>0.39947389764687452</v>
      </c>
      <c r="AB41" s="89">
        <v>1.9507274424589768E-2</v>
      </c>
      <c r="AC41" s="193">
        <v>0.10754072465974682</v>
      </c>
      <c r="AD41" s="89">
        <v>1.2369150695113728E-2</v>
      </c>
      <c r="AE41" s="193">
        <v>0.4308323617875971</v>
      </c>
      <c r="AF41" s="89">
        <v>1.972173597942501E-2</v>
      </c>
      <c r="AG41" s="193">
        <v>6.2153015905784675E-2</v>
      </c>
      <c r="AH41" s="89">
        <v>9.6651024715294961E-3</v>
      </c>
      <c r="AI41" s="48">
        <v>2514</v>
      </c>
      <c r="AJ41" s="79">
        <v>5.5299834831850676</v>
      </c>
      <c r="AK41" s="80">
        <v>6.1817436799419326E-2</v>
      </c>
      <c r="AL41" s="193">
        <v>8.9959131776004467E-2</v>
      </c>
      <c r="AM41" s="89">
        <v>1.1441063067872391E-2</v>
      </c>
      <c r="AN41" s="193">
        <v>8.5664816985639949E-2</v>
      </c>
      <c r="AO41" s="89">
        <v>1.1193393565825107E-2</v>
      </c>
      <c r="AP41" s="193">
        <v>0.67137087608733637</v>
      </c>
      <c r="AQ41" s="89">
        <v>1.872527247172304E-2</v>
      </c>
      <c r="AR41" s="193">
        <v>0.15300517515102219</v>
      </c>
      <c r="AS41" s="89">
        <v>1.4369283201611804E-2</v>
      </c>
      <c r="AT41" s="48">
        <v>2018</v>
      </c>
      <c r="AU41" s="79">
        <v>4.943262318906803</v>
      </c>
      <c r="AV41" s="80">
        <v>9.2320780724216664E-2</v>
      </c>
      <c r="AW41" s="193">
        <v>0.11255350441964834</v>
      </c>
      <c r="AX41" s="89">
        <v>1.4098603697992873E-2</v>
      </c>
      <c r="AY41" s="193">
        <v>0.10003307745032648</v>
      </c>
      <c r="AZ41" s="89">
        <v>1.3391965550222313E-2</v>
      </c>
      <c r="BA41" s="193">
        <v>0.40411615756806263</v>
      </c>
      <c r="BB41" s="89">
        <v>2.1827605617024959E-2</v>
      </c>
      <c r="BC41" s="193">
        <v>0.383297260561963</v>
      </c>
      <c r="BD41" s="89">
        <v>2.1626919458765204E-2</v>
      </c>
    </row>
    <row r="42" spans="1:56">
      <c r="A42" s="44" t="s">
        <v>535</v>
      </c>
      <c r="B42" s="44">
        <v>492</v>
      </c>
      <c r="C42" s="175">
        <v>5.5886981533286155</v>
      </c>
      <c r="D42" s="127">
        <v>0.14779513815747011</v>
      </c>
      <c r="E42" s="194">
        <v>0.11461966534529297</v>
      </c>
      <c r="F42" s="92">
        <v>2.8942070928312129E-2</v>
      </c>
      <c r="G42" s="194">
        <v>9.0789682110046302E-2</v>
      </c>
      <c r="H42" s="92">
        <v>2.6218203689157459E-2</v>
      </c>
      <c r="I42" s="194">
        <v>0.78987688274714263</v>
      </c>
      <c r="J42" s="92">
        <v>3.6733700362105014E-2</v>
      </c>
      <c r="K42" s="194">
        <v>4.7137697975190886E-3</v>
      </c>
      <c r="L42" s="92">
        <v>8.34352370482065E-3</v>
      </c>
      <c r="M42" s="44">
        <v>489</v>
      </c>
      <c r="N42" s="175">
        <v>4.3067726912824451</v>
      </c>
      <c r="O42" s="127">
        <v>0.2021583899745891</v>
      </c>
      <c r="P42" s="194">
        <v>0.29850636235447692</v>
      </c>
      <c r="Q42" s="92">
        <v>4.1283314383668362E-2</v>
      </c>
      <c r="R42" s="194">
        <v>9.7005543945087286E-2</v>
      </c>
      <c r="S42" s="92">
        <v>2.7055670185951935E-2</v>
      </c>
      <c r="T42" s="194">
        <v>0.44112646581309078</v>
      </c>
      <c r="U42" s="92">
        <v>4.4729516028934671E-2</v>
      </c>
      <c r="V42" s="194">
        <v>0.1633616278873489</v>
      </c>
      <c r="W42" s="92">
        <v>3.3522853794112448E-2</v>
      </c>
      <c r="X42" s="44">
        <v>489</v>
      </c>
      <c r="Y42" s="175">
        <v>4.5834463060521582</v>
      </c>
      <c r="Z42" s="127">
        <v>0.18051767628012941</v>
      </c>
      <c r="AA42" s="194">
        <v>0.28396590291839041</v>
      </c>
      <c r="AB42" s="92">
        <v>4.0692138669603785E-2</v>
      </c>
      <c r="AC42" s="194">
        <v>0.12645623845194362</v>
      </c>
      <c r="AD42" s="92">
        <v>3.0241775072828915E-2</v>
      </c>
      <c r="AE42" s="194">
        <v>0.53961686569113887</v>
      </c>
      <c r="AF42" s="92">
        <v>4.4898431160946876E-2</v>
      </c>
      <c r="AG42" s="194">
        <v>4.9960992938530457E-2</v>
      </c>
      <c r="AH42" s="92">
        <v>2.0289613631142397E-2</v>
      </c>
      <c r="AI42" s="44">
        <v>489</v>
      </c>
      <c r="AJ42" s="175">
        <v>5.9047698031935294</v>
      </c>
      <c r="AK42" s="127">
        <v>0.11882345686771793</v>
      </c>
      <c r="AL42" s="194">
        <v>4.3047376859112078E-2</v>
      </c>
      <c r="AM42" s="92">
        <v>1.901614180099917E-2</v>
      </c>
      <c r="AN42" s="194">
        <v>6.5536932911994264E-2</v>
      </c>
      <c r="AO42" s="92">
        <v>2.2839492860472762E-2</v>
      </c>
      <c r="AP42" s="194">
        <v>0.75189135903260307</v>
      </c>
      <c r="AQ42" s="92">
        <v>3.9011744099724313E-2</v>
      </c>
      <c r="AR42" s="194">
        <v>0.13952433119629246</v>
      </c>
      <c r="AS42" s="92">
        <v>3.1482290563183864E-2</v>
      </c>
      <c r="AT42" s="44">
        <v>396</v>
      </c>
      <c r="AU42" s="175">
        <v>5.2351843412267014</v>
      </c>
      <c r="AV42" s="127">
        <v>0.19462099112231204</v>
      </c>
      <c r="AW42" s="194">
        <v>8.7675869550859001E-2</v>
      </c>
      <c r="AX42" s="92">
        <v>2.8874215851087192E-2</v>
      </c>
      <c r="AY42" s="194">
        <v>8.5234304801247274E-2</v>
      </c>
      <c r="AZ42" s="92">
        <v>2.8529428081610412E-2</v>
      </c>
      <c r="BA42" s="194">
        <v>0.46832974980851683</v>
      </c>
      <c r="BB42" s="92">
        <v>4.9901598676523176E-2</v>
      </c>
      <c r="BC42" s="194">
        <v>0.35876007583938113</v>
      </c>
      <c r="BD42" s="92">
        <v>4.8005027161227905E-2</v>
      </c>
    </row>
    <row r="43" spans="1:56">
      <c r="A43" s="40" t="s">
        <v>536</v>
      </c>
      <c r="B43" s="48">
        <v>89</v>
      </c>
      <c r="C43" s="79">
        <v>5.1732227810933207</v>
      </c>
      <c r="D43" s="80">
        <v>0.38473150564186542</v>
      </c>
      <c r="E43" s="193">
        <v>0.20807878967336307</v>
      </c>
      <c r="F43" s="89">
        <v>8.5999484900943807E-2</v>
      </c>
      <c r="G43" s="193">
        <v>9.5622983475844872E-2</v>
      </c>
      <c r="H43" s="89">
        <v>6.5662227990261113E-2</v>
      </c>
      <c r="I43" s="193">
        <v>0.67900654543184547</v>
      </c>
      <c r="J43" s="89">
        <v>9.7419124559081527E-2</v>
      </c>
      <c r="K43" s="193">
        <v>1.7291681418946669E-2</v>
      </c>
      <c r="L43" s="89">
        <v>3.9678966363598904E-2</v>
      </c>
      <c r="M43" s="48">
        <v>89</v>
      </c>
      <c r="N43" s="79">
        <v>3.6081819003448263</v>
      </c>
      <c r="O43" s="80">
        <v>0.51340175497086926</v>
      </c>
      <c r="P43" s="193">
        <v>0.36818085958597591</v>
      </c>
      <c r="Q43" s="89">
        <v>0.10034056066384875</v>
      </c>
      <c r="R43" s="193">
        <v>8.9222468381182682E-2</v>
      </c>
      <c r="S43" s="89">
        <v>6.4078170964483899E-2</v>
      </c>
      <c r="T43" s="193">
        <v>0.26370885553669204</v>
      </c>
      <c r="U43" s="89">
        <v>9.2484486209999259E-2</v>
      </c>
      <c r="V43" s="193">
        <v>0.2788878164961488</v>
      </c>
      <c r="W43" s="89">
        <v>9.3951394705913738E-2</v>
      </c>
      <c r="X43" s="48">
        <v>89</v>
      </c>
      <c r="Y43" s="79">
        <v>3.8446346361685815</v>
      </c>
      <c r="Z43" s="80">
        <v>0.43796862419017446</v>
      </c>
      <c r="AA43" s="193">
        <v>0.39576072016172359</v>
      </c>
      <c r="AB43" s="89">
        <v>0.10161042330961881</v>
      </c>
      <c r="AC43" s="193">
        <v>0.15884236569745577</v>
      </c>
      <c r="AD43" s="89">
        <v>7.8537183907322616E-2</v>
      </c>
      <c r="AE43" s="193">
        <v>0.3590580819532383</v>
      </c>
      <c r="AF43" s="89">
        <v>9.9850945377709013E-2</v>
      </c>
      <c r="AG43" s="193">
        <v>8.633883218758158E-2</v>
      </c>
      <c r="AH43" s="89">
        <v>6.334323822839058E-2</v>
      </c>
      <c r="AI43" s="48">
        <v>89</v>
      </c>
      <c r="AJ43" s="79">
        <v>5.8622822180996641</v>
      </c>
      <c r="AK43" s="80">
        <v>0.27307805253597289</v>
      </c>
      <c r="AL43" s="193">
        <v>6.1946677598547516E-2</v>
      </c>
      <c r="AM43" s="89">
        <v>5.6515686796616962E-2</v>
      </c>
      <c r="AN43" s="193">
        <v>2.5102360308105472E-2</v>
      </c>
      <c r="AO43" s="89">
        <v>4.3232435312794686E-2</v>
      </c>
      <c r="AP43" s="193">
        <v>0.70602462575660141</v>
      </c>
      <c r="AQ43" s="89">
        <v>9.5292783197902312E-2</v>
      </c>
      <c r="AR43" s="193">
        <v>0.20692633633674568</v>
      </c>
      <c r="AS43" s="89">
        <v>8.5844948390621567E-2</v>
      </c>
      <c r="AT43" s="48">
        <v>68</v>
      </c>
      <c r="AU43" s="79">
        <v>4.5726441361764003</v>
      </c>
      <c r="AV43" s="80">
        <v>0.66940419427177322</v>
      </c>
      <c r="AW43" s="193">
        <v>0.16404702555857009</v>
      </c>
      <c r="AX43" s="89">
        <v>9.1082301321138176E-2</v>
      </c>
      <c r="AY43" s="193">
        <v>6.6759239510214938E-2</v>
      </c>
      <c r="AZ43" s="89">
        <v>6.7732486077860712E-2</v>
      </c>
      <c r="BA43" s="193">
        <v>0.32207069567707208</v>
      </c>
      <c r="BB43" s="89">
        <v>0.11099577038869171</v>
      </c>
      <c r="BC43" s="193">
        <v>0.44712303925414226</v>
      </c>
      <c r="BD43" s="89">
        <v>0.11726182980839751</v>
      </c>
    </row>
    <row r="44" spans="1:56">
      <c r="A44" s="44" t="s">
        <v>537</v>
      </c>
      <c r="B44" s="44">
        <v>140</v>
      </c>
      <c r="C44" s="175">
        <v>5.565497648060088</v>
      </c>
      <c r="D44" s="127">
        <v>0.29261785426233566</v>
      </c>
      <c r="E44" s="194">
        <v>0.10107458912950516</v>
      </c>
      <c r="F44" s="92">
        <v>5.2593016998363676E-2</v>
      </c>
      <c r="G44" s="194">
        <v>8.9613418737041609E-2</v>
      </c>
      <c r="H44" s="92">
        <v>5.0224333006270237E-2</v>
      </c>
      <c r="I44" s="194">
        <v>0.80931199213345284</v>
      </c>
      <c r="J44" s="92">
        <v>6.6576498647928029E-2</v>
      </c>
      <c r="K44" s="194">
        <v>0</v>
      </c>
      <c r="L44" s="92">
        <v>1.9504976326797124E-2</v>
      </c>
      <c r="M44" s="44">
        <v>139</v>
      </c>
      <c r="N44" s="175">
        <v>4.1842470889853036</v>
      </c>
      <c r="O44" s="127">
        <v>0.36387096023299931</v>
      </c>
      <c r="P44" s="194">
        <v>0.34537984302193964</v>
      </c>
      <c r="Q44" s="92">
        <v>7.9756864381164846E-2</v>
      </c>
      <c r="R44" s="194">
        <v>0.12641654556548929</v>
      </c>
      <c r="S44" s="92">
        <v>5.7484327346377977E-2</v>
      </c>
      <c r="T44" s="194">
        <v>0.45771512152849314</v>
      </c>
      <c r="U44" s="92">
        <v>8.3341175719064353E-2</v>
      </c>
      <c r="V44" s="194">
        <v>7.0488489884077868E-2</v>
      </c>
      <c r="W44" s="92">
        <v>4.6014921935081991E-2</v>
      </c>
      <c r="X44" s="44">
        <v>138</v>
      </c>
      <c r="Y44" s="175">
        <v>4.2665240660858608</v>
      </c>
      <c r="Z44" s="127">
        <v>0.35108372394571269</v>
      </c>
      <c r="AA44" s="194">
        <v>0.3709426714501925</v>
      </c>
      <c r="AB44" s="92">
        <v>8.1235069142563274E-2</v>
      </c>
      <c r="AC44" s="194">
        <v>9.2583099297097279E-2</v>
      </c>
      <c r="AD44" s="92">
        <v>5.1246772418980784E-2</v>
      </c>
      <c r="AE44" s="194">
        <v>0.51938331254958303</v>
      </c>
      <c r="AF44" s="92">
        <v>8.3858558985614548E-2</v>
      </c>
      <c r="AG44" s="194">
        <v>1.7090916703127009E-2</v>
      </c>
      <c r="AH44" s="92">
        <v>2.8949625253524566E-2</v>
      </c>
      <c r="AI44" s="44">
        <v>139</v>
      </c>
      <c r="AJ44" s="175">
        <v>5.9295694589415211</v>
      </c>
      <c r="AK44" s="127">
        <v>0.22450419514863032</v>
      </c>
      <c r="AL44" s="194">
        <v>6.5128099423655023E-2</v>
      </c>
      <c r="AM44" s="92">
        <v>4.4664480739731428E-2</v>
      </c>
      <c r="AN44" s="194">
        <v>4.5940898858264648E-2</v>
      </c>
      <c r="AO44" s="92">
        <v>3.9295540003515796E-2</v>
      </c>
      <c r="AP44" s="194">
        <v>0.8379229291399547</v>
      </c>
      <c r="AQ44" s="92">
        <v>6.304779065834111E-2</v>
      </c>
      <c r="AR44" s="194">
        <v>5.1008072578125299E-2</v>
      </c>
      <c r="AS44" s="92">
        <v>4.0805349749547769E-2</v>
      </c>
      <c r="AT44" s="44">
        <v>98</v>
      </c>
      <c r="AU44" s="175">
        <v>5.2506162066624951</v>
      </c>
      <c r="AV44" s="127">
        <v>0.34610284177015749</v>
      </c>
      <c r="AW44" s="194">
        <v>9.4687720485073359E-2</v>
      </c>
      <c r="AX44" s="92">
        <v>6.210486711865041E-2</v>
      </c>
      <c r="AY44" s="194">
        <v>0.11167298764389699</v>
      </c>
      <c r="AZ44" s="92">
        <v>6.5916616297511874E-2</v>
      </c>
      <c r="BA44" s="194">
        <v>0.53303690568960693</v>
      </c>
      <c r="BB44" s="92">
        <v>9.8815035627913703E-2</v>
      </c>
      <c r="BC44" s="194">
        <v>0.26060238618142195</v>
      </c>
      <c r="BD44" s="92">
        <v>8.7916101437272964E-2</v>
      </c>
    </row>
    <row r="45" spans="1:56">
      <c r="A45" s="40" t="s">
        <v>538</v>
      </c>
      <c r="B45" s="48">
        <v>108</v>
      </c>
      <c r="C45" s="79">
        <v>5.3416401045419937</v>
      </c>
      <c r="D45" s="80">
        <v>0.31180821352063343</v>
      </c>
      <c r="E45" s="193">
        <v>0.11992901455813486</v>
      </c>
      <c r="F45" s="89">
        <v>6.4276171185240025E-2</v>
      </c>
      <c r="G45" s="193">
        <v>0.13475205390589004</v>
      </c>
      <c r="H45" s="89">
        <v>6.7069468654862172E-2</v>
      </c>
      <c r="I45" s="193">
        <v>0.73529084948595402</v>
      </c>
      <c r="J45" s="89">
        <v>8.4202565018665368E-2</v>
      </c>
      <c r="K45" s="193">
        <v>1.0028082050020693E-2</v>
      </c>
      <c r="L45" s="89">
        <v>3.0920023005675833E-2</v>
      </c>
      <c r="M45" s="48">
        <v>108</v>
      </c>
      <c r="N45" s="79">
        <v>4.0146028280015509</v>
      </c>
      <c r="O45" s="80">
        <v>0.42343571161028398</v>
      </c>
      <c r="P45" s="193">
        <v>0.30337531491699304</v>
      </c>
      <c r="Q45" s="89">
        <v>8.7433840178021402E-2</v>
      </c>
      <c r="R45" s="193">
        <v>0.13072740579748998</v>
      </c>
      <c r="S45" s="89">
        <v>6.6333567337941435E-2</v>
      </c>
      <c r="T45" s="193">
        <v>0.37239067689917099</v>
      </c>
      <c r="U45" s="89">
        <v>9.1584902623976908E-2</v>
      </c>
      <c r="V45" s="193">
        <v>0.19350660238634529</v>
      </c>
      <c r="W45" s="89">
        <v>7.6216760837157144E-2</v>
      </c>
      <c r="X45" s="48">
        <v>108</v>
      </c>
      <c r="Y45" s="79">
        <v>4.5400308964186094</v>
      </c>
      <c r="Z45" s="80">
        <v>0.35956375205597446</v>
      </c>
      <c r="AA45" s="193">
        <v>0.26321469946696613</v>
      </c>
      <c r="AB45" s="89">
        <v>8.406332916238668E-2</v>
      </c>
      <c r="AC45" s="193">
        <v>0.19939966149734573</v>
      </c>
      <c r="AD45" s="89">
        <v>7.6992232130478927E-2</v>
      </c>
      <c r="AE45" s="193">
        <v>0.4884642931004281</v>
      </c>
      <c r="AF45" s="89">
        <v>9.4467731246466458E-2</v>
      </c>
      <c r="AG45" s="193">
        <v>4.8921345935259701E-2</v>
      </c>
      <c r="AH45" s="89">
        <v>4.6599443652407112E-2</v>
      </c>
      <c r="AI45" s="48">
        <v>107</v>
      </c>
      <c r="AJ45" s="79">
        <v>6.0113690733559713</v>
      </c>
      <c r="AK45" s="80">
        <v>0.25500353747293658</v>
      </c>
      <c r="AL45" s="193">
        <v>3.5996660626885293E-2</v>
      </c>
      <c r="AM45" s="89">
        <v>4.2421466052382631E-2</v>
      </c>
      <c r="AN45" s="193">
        <v>5.2967080385290959E-2</v>
      </c>
      <c r="AO45" s="89">
        <v>4.8138250316200927E-2</v>
      </c>
      <c r="AP45" s="193">
        <v>0.81253515996118508</v>
      </c>
      <c r="AQ45" s="89">
        <v>7.5750848454569669E-2</v>
      </c>
      <c r="AR45" s="193">
        <v>9.8501099026638367E-2</v>
      </c>
      <c r="AS45" s="89">
        <v>6.0092245503758648E-2</v>
      </c>
      <c r="AT45" s="48">
        <v>80</v>
      </c>
      <c r="AU45" s="79">
        <v>5.1794648854715621</v>
      </c>
      <c r="AV45" s="80">
        <v>0.42116453887655592</v>
      </c>
      <c r="AW45" s="193">
        <v>0.13656633728924866</v>
      </c>
      <c r="AX45" s="89">
        <v>7.8738837063387676E-2</v>
      </c>
      <c r="AY45" s="193">
        <v>5.982142455647959E-2</v>
      </c>
      <c r="AZ45" s="89">
        <v>5.9464486255264563E-2</v>
      </c>
      <c r="BA45" s="193">
        <v>0.48614225911447312</v>
      </c>
      <c r="BB45" s="89">
        <v>0.10907092860370468</v>
      </c>
      <c r="BC45" s="193">
        <v>0.3174699790397979</v>
      </c>
      <c r="BD45" s="89">
        <v>0.10230214579131214</v>
      </c>
    </row>
    <row r="46" spans="1:56">
      <c r="A46" s="44" t="s">
        <v>539</v>
      </c>
      <c r="B46" s="44">
        <v>155</v>
      </c>
      <c r="C46" s="175">
        <v>5.8836743030915439</v>
      </c>
      <c r="D46" s="127">
        <v>0.22115773153855403</v>
      </c>
      <c r="E46" s="194">
        <v>8.3436946133450055E-2</v>
      </c>
      <c r="F46" s="92">
        <v>4.6268618790858591E-2</v>
      </c>
      <c r="G46" s="194">
        <v>6.7960608939736961E-2</v>
      </c>
      <c r="H46" s="92">
        <v>4.2741119351222809E-2</v>
      </c>
      <c r="I46" s="194">
        <v>0.8486024449268128</v>
      </c>
      <c r="J46" s="92">
        <v>5.8172120003349176E-2</v>
      </c>
      <c r="K46" s="194">
        <v>0</v>
      </c>
      <c r="L46" s="92">
        <v>1.7676616229639286E-2</v>
      </c>
      <c r="M46" s="44">
        <v>153</v>
      </c>
      <c r="N46" s="175">
        <v>4.7661575180093774</v>
      </c>
      <c r="O46" s="127">
        <v>0.34241041287515955</v>
      </c>
      <c r="P46" s="194">
        <v>0.2400520595003087</v>
      </c>
      <c r="Q46" s="92">
        <v>6.8807200859732562E-2</v>
      </c>
      <c r="R46" s="194">
        <v>6.5548232619558097E-2</v>
      </c>
      <c r="S46" s="92">
        <v>4.2455489597712698E-2</v>
      </c>
      <c r="T46" s="194">
        <v>0.53594530014166353</v>
      </c>
      <c r="U46" s="92">
        <v>7.9612586526551371E-2</v>
      </c>
      <c r="V46" s="194">
        <v>0.15845440773846889</v>
      </c>
      <c r="W46" s="92">
        <v>5.9555681588923153E-2</v>
      </c>
      <c r="X46" s="44">
        <v>154</v>
      </c>
      <c r="Y46" s="175">
        <v>5.086552763985833</v>
      </c>
      <c r="Z46" s="127">
        <v>0.2934232683807968</v>
      </c>
      <c r="AA46" s="194">
        <v>0.19771713980916547</v>
      </c>
      <c r="AB46" s="92">
        <v>6.4276516324969987E-2</v>
      </c>
      <c r="AC46" s="194">
        <v>9.7804080169681298E-2</v>
      </c>
      <c r="AD46" s="92">
        <v>4.9382317342000263E-2</v>
      </c>
      <c r="AE46" s="194">
        <v>0.64866893958512495</v>
      </c>
      <c r="AF46" s="92">
        <v>7.6141522464668612E-2</v>
      </c>
      <c r="AG46" s="194">
        <v>5.5809840436028102E-2</v>
      </c>
      <c r="AH46" s="92">
        <v>3.9796560605728296E-2</v>
      </c>
      <c r="AI46" s="44">
        <v>154</v>
      </c>
      <c r="AJ46" s="175">
        <v>5.8457300432435586</v>
      </c>
      <c r="AK46" s="127">
        <v>0.21139078550762533</v>
      </c>
      <c r="AL46" s="194">
        <v>2.5734027320930344E-2</v>
      </c>
      <c r="AM46" s="92">
        <v>3.0321649440883263E-2</v>
      </c>
      <c r="AN46" s="194">
        <v>9.9528700948941715E-2</v>
      </c>
      <c r="AO46" s="92">
        <v>4.9718273857283252E-2</v>
      </c>
      <c r="AP46" s="194">
        <v>0.68847605330240924</v>
      </c>
      <c r="AQ46" s="92">
        <v>7.3991558510887928E-2</v>
      </c>
      <c r="AR46" s="194">
        <v>0.18626121842771826</v>
      </c>
      <c r="AS46" s="92">
        <v>6.2942366545129441E-2</v>
      </c>
      <c r="AT46" s="44">
        <v>150</v>
      </c>
      <c r="AU46" s="175">
        <v>5.4807560300342928</v>
      </c>
      <c r="AV46" s="127">
        <v>0.27994616782904164</v>
      </c>
      <c r="AW46" s="194">
        <v>3.248026800155053E-2</v>
      </c>
      <c r="AX46" s="92">
        <v>3.3276632191566791E-2</v>
      </c>
      <c r="AY46" s="194">
        <v>8.9271145870978522E-2</v>
      </c>
      <c r="AZ46" s="92">
        <v>4.8336358977195612E-2</v>
      </c>
      <c r="BA46" s="194">
        <v>0.47807922845022149</v>
      </c>
      <c r="BB46" s="92">
        <v>8.0508790789078993E-2</v>
      </c>
      <c r="BC46" s="194">
        <v>0.40016935767724876</v>
      </c>
      <c r="BD46" s="92">
        <v>7.9043772458876296E-2</v>
      </c>
    </row>
    <row r="47" spans="1:56">
      <c r="A47" s="40" t="s">
        <v>540</v>
      </c>
      <c r="B47" s="191">
        <v>342</v>
      </c>
      <c r="C47" s="79">
        <v>4.7673402263132338</v>
      </c>
      <c r="D47" s="80">
        <v>0.20857069257763697</v>
      </c>
      <c r="E47" s="193">
        <v>0.27730401079317385</v>
      </c>
      <c r="F47" s="89">
        <v>4.8270257820632823E-2</v>
      </c>
      <c r="G47" s="193">
        <v>0.12071683042658128</v>
      </c>
      <c r="H47" s="89">
        <v>3.5571501695109552E-2</v>
      </c>
      <c r="I47" s="193">
        <v>0.59195682985921039</v>
      </c>
      <c r="J47" s="89">
        <v>5.2864569808294438E-2</v>
      </c>
      <c r="K47" s="193">
        <v>1.0022328921036036E-2</v>
      </c>
      <c r="L47" s="89">
        <v>1.3360598892244547E-2</v>
      </c>
      <c r="M47" s="191">
        <v>341</v>
      </c>
      <c r="N47" s="79">
        <v>3.6600319379191792</v>
      </c>
      <c r="O47" s="80">
        <v>0.24124470570647924</v>
      </c>
      <c r="P47" s="193">
        <v>0.42168182071058552</v>
      </c>
      <c r="Q47" s="89">
        <v>5.3189044295182959E-2</v>
      </c>
      <c r="R47" s="193">
        <v>0.11451838372566385</v>
      </c>
      <c r="S47" s="89">
        <v>3.4862820946996664E-2</v>
      </c>
      <c r="T47" s="193">
        <v>0.30818013635820379</v>
      </c>
      <c r="U47" s="89">
        <v>4.981745318869598E-2</v>
      </c>
      <c r="V47" s="193">
        <v>0.1556196592055471</v>
      </c>
      <c r="W47" s="89">
        <v>3.9436073040655044E-2</v>
      </c>
      <c r="X47" s="191">
        <v>342</v>
      </c>
      <c r="Y47" s="79">
        <v>3.9373068670098594</v>
      </c>
      <c r="Z47" s="80">
        <v>0.23044536328461937</v>
      </c>
      <c r="AA47" s="193">
        <v>0.42094926582211167</v>
      </c>
      <c r="AB47" s="89">
        <v>5.3099822259530846E-2</v>
      </c>
      <c r="AC47" s="193">
        <v>0.10601145844262078</v>
      </c>
      <c r="AD47" s="89">
        <v>3.3717861341608188E-2</v>
      </c>
      <c r="AE47" s="193">
        <v>0.40785428293675535</v>
      </c>
      <c r="AF47" s="89">
        <v>5.2860854739980881E-2</v>
      </c>
      <c r="AG47" s="193">
        <v>6.5184992798511976E-2</v>
      </c>
      <c r="AH47" s="89">
        <v>2.7471912134618262E-2</v>
      </c>
      <c r="AI47" s="191">
        <v>342</v>
      </c>
      <c r="AJ47" s="79">
        <v>5.344818370449155</v>
      </c>
      <c r="AK47" s="80">
        <v>0.1891813722532274</v>
      </c>
      <c r="AL47" s="193">
        <v>0.12808379745676643</v>
      </c>
      <c r="AM47" s="89">
        <v>3.643951998631071E-2</v>
      </c>
      <c r="AN47" s="193">
        <v>7.6085122047186968E-2</v>
      </c>
      <c r="AO47" s="89">
        <v>2.9333080342247585E-2</v>
      </c>
      <c r="AP47" s="193">
        <v>0.64686410702941155</v>
      </c>
      <c r="AQ47" s="89">
        <v>5.1444651001924427E-2</v>
      </c>
      <c r="AR47" s="193">
        <v>0.14896697346663626</v>
      </c>
      <c r="AS47" s="89">
        <v>3.8708703078951141E-2</v>
      </c>
      <c r="AT47" s="191">
        <v>294</v>
      </c>
      <c r="AU47" s="79">
        <v>5.0620653332832761</v>
      </c>
      <c r="AV47" s="80">
        <v>0.25032258930413104</v>
      </c>
      <c r="AW47" s="193">
        <v>0.14745374134590647</v>
      </c>
      <c r="AX47" s="89">
        <v>4.1615910086684214E-2</v>
      </c>
      <c r="AY47" s="193">
        <v>5.2562886718458601E-2</v>
      </c>
      <c r="AZ47" s="89">
        <v>2.7205026939849764E-2</v>
      </c>
      <c r="BA47" s="193">
        <v>0.45743601742469253</v>
      </c>
      <c r="BB47" s="89">
        <v>5.7723783033579036E-2</v>
      </c>
      <c r="BC47" s="193">
        <v>0.34254735451094065</v>
      </c>
      <c r="BD47" s="89">
        <v>5.5061861114819637E-2</v>
      </c>
    </row>
    <row r="48" spans="1:56">
      <c r="A48" s="44" t="s">
        <v>541</v>
      </c>
      <c r="B48" s="192">
        <v>113</v>
      </c>
      <c r="C48" s="175">
        <v>3.8651895778099732</v>
      </c>
      <c r="D48" s="127">
        <v>0.37169898457641115</v>
      </c>
      <c r="E48" s="194">
        <v>0.43799084140716849</v>
      </c>
      <c r="F48" s="92">
        <v>9.1784453041270517E-2</v>
      </c>
      <c r="G48" s="194">
        <v>0.17626237976780812</v>
      </c>
      <c r="H48" s="92">
        <v>7.2143655142268989E-2</v>
      </c>
      <c r="I48" s="194">
        <v>0.38446846431645815</v>
      </c>
      <c r="J48" s="92">
        <v>9.0118538345297955E-2</v>
      </c>
      <c r="K48" s="194">
        <v>1.2783145085656176E-3</v>
      </c>
      <c r="L48" s="92">
        <v>2.4801909161566056E-2</v>
      </c>
      <c r="M48" s="192">
        <v>113</v>
      </c>
      <c r="N48" s="175">
        <v>2.957103405911222</v>
      </c>
      <c r="O48" s="127">
        <v>0.38216214474861399</v>
      </c>
      <c r="P48" s="194">
        <v>0.52361826010349788</v>
      </c>
      <c r="Q48" s="92">
        <v>9.2353773074966228E-2</v>
      </c>
      <c r="R48" s="194">
        <v>8.2492817706829841E-2</v>
      </c>
      <c r="S48" s="92">
        <v>5.4663789460715595E-2</v>
      </c>
      <c r="T48" s="194">
        <v>0.2209766288840273</v>
      </c>
      <c r="U48" s="92">
        <v>7.7873075375757009E-2</v>
      </c>
      <c r="V48" s="194">
        <v>0.17291229330564556</v>
      </c>
      <c r="W48" s="92">
        <v>7.1660140751856852E-2</v>
      </c>
      <c r="X48" s="192">
        <v>113</v>
      </c>
      <c r="Y48" s="175">
        <v>3.1553233047036566</v>
      </c>
      <c r="Z48" s="127">
        <v>0.36312103165482745</v>
      </c>
      <c r="AA48" s="194">
        <v>0.56241802046821954</v>
      </c>
      <c r="AB48" s="92">
        <v>9.1775614655458887E-2</v>
      </c>
      <c r="AC48" s="194">
        <v>8.2396946647266059E-2</v>
      </c>
      <c r="AD48" s="92">
        <v>5.46404304902414E-2</v>
      </c>
      <c r="AE48" s="194">
        <v>0.26437899871723386</v>
      </c>
      <c r="AF48" s="92">
        <v>8.2319765453387275E-2</v>
      </c>
      <c r="AG48" s="194">
        <v>9.0806034167280988E-2</v>
      </c>
      <c r="AH48" s="92">
        <v>5.6633009510832583E-2</v>
      </c>
      <c r="AI48" s="192">
        <v>113</v>
      </c>
      <c r="AJ48" s="175">
        <v>5.1027870611493826</v>
      </c>
      <c r="AK48" s="127">
        <v>0.34865012378571836</v>
      </c>
      <c r="AL48" s="194">
        <v>0.1607140337478199</v>
      </c>
      <c r="AM48" s="92">
        <v>6.9828016585489136E-2</v>
      </c>
      <c r="AN48" s="194">
        <v>4.6447617174615978E-2</v>
      </c>
      <c r="AO48" s="92">
        <v>4.4574118774678748E-2</v>
      </c>
      <c r="AP48" s="194">
        <v>0.61381280809553673</v>
      </c>
      <c r="AQ48" s="92">
        <v>9.0188255921961918E-2</v>
      </c>
      <c r="AR48" s="194">
        <v>0.17902554098202803</v>
      </c>
      <c r="AS48" s="92">
        <v>7.253632077900217E-2</v>
      </c>
      <c r="AT48" s="192">
        <v>94</v>
      </c>
      <c r="AU48" s="175">
        <v>5.0778405349952314</v>
      </c>
      <c r="AV48" s="127">
        <v>0.47098132647924595</v>
      </c>
      <c r="AW48" s="194">
        <v>0.14613404078876918</v>
      </c>
      <c r="AX48" s="92">
        <v>7.4173651733085488E-2</v>
      </c>
      <c r="AY48" s="194">
        <v>4.5354689230745711E-2</v>
      </c>
      <c r="AZ48" s="92">
        <v>4.9415746839561986E-2</v>
      </c>
      <c r="BA48" s="194">
        <v>0.42188777233460717</v>
      </c>
      <c r="BB48" s="92">
        <v>9.9874696637933649E-2</v>
      </c>
      <c r="BC48" s="194">
        <v>0.38662349764587817</v>
      </c>
      <c r="BD48" s="92">
        <v>9.8597031648184438E-2</v>
      </c>
    </row>
    <row r="49" spans="1:56">
      <c r="A49" s="40" t="s">
        <v>542</v>
      </c>
      <c r="B49" s="49">
        <v>95</v>
      </c>
      <c r="C49" s="79">
        <v>5.644351432329918</v>
      </c>
      <c r="D49" s="80">
        <v>0.31255041648936865</v>
      </c>
      <c r="E49" s="193">
        <v>0.10214057135827909</v>
      </c>
      <c r="F49" s="89">
        <v>6.4897976844101049E-2</v>
      </c>
      <c r="G49" s="193">
        <v>9.5956009149325588E-2</v>
      </c>
      <c r="H49" s="89">
        <v>6.3460475786603118E-2</v>
      </c>
      <c r="I49" s="193">
        <v>0.77176328774478486</v>
      </c>
      <c r="J49" s="89">
        <v>8.5750931669431679E-2</v>
      </c>
      <c r="K49" s="193">
        <v>3.0140131747611008E-2</v>
      </c>
      <c r="L49" s="89">
        <v>4.3443294159531999E-2</v>
      </c>
      <c r="M49" s="49">
        <v>95</v>
      </c>
      <c r="N49" s="79">
        <v>4.3841131061739711</v>
      </c>
      <c r="O49" s="80">
        <v>0.41763555615245218</v>
      </c>
      <c r="P49" s="193">
        <v>0.32776015019905796</v>
      </c>
      <c r="Q49" s="89">
        <v>9.4853912582916089E-2</v>
      </c>
      <c r="R49" s="193">
        <v>0.12744418636931021</v>
      </c>
      <c r="S49" s="89">
        <v>7.0264023511215412E-2</v>
      </c>
      <c r="T49" s="193">
        <v>0.39440113379251729</v>
      </c>
      <c r="U49" s="89">
        <v>9.8418150590963496E-2</v>
      </c>
      <c r="V49" s="193">
        <v>0.15039452963911551</v>
      </c>
      <c r="W49" s="89">
        <v>7.4522905905737194E-2</v>
      </c>
      <c r="X49" s="49">
        <v>95</v>
      </c>
      <c r="Y49" s="79">
        <v>4.9362827745725575</v>
      </c>
      <c r="Z49" s="80">
        <v>0.4017563020448362</v>
      </c>
      <c r="AA49" s="193">
        <v>0.24233326265182822</v>
      </c>
      <c r="AB49" s="89">
        <v>8.7354956889099486E-2</v>
      </c>
      <c r="AC49" s="193">
        <v>0.11019387348936287</v>
      </c>
      <c r="AD49" s="89">
        <v>6.6691456472771124E-2</v>
      </c>
      <c r="AE49" s="193">
        <v>0.6051348588484291</v>
      </c>
      <c r="AF49" s="89">
        <v>9.8436631126919527E-2</v>
      </c>
      <c r="AG49" s="193">
        <v>4.2338005010380771E-2</v>
      </c>
      <c r="AH49" s="89">
        <v>4.8044248542305872E-2</v>
      </c>
      <c r="AI49" s="49">
        <v>95</v>
      </c>
      <c r="AJ49" s="79">
        <v>5.7950182547906115</v>
      </c>
      <c r="AK49" s="80">
        <v>0.32461201225566089</v>
      </c>
      <c r="AL49" s="193">
        <v>4.6853815558660319E-2</v>
      </c>
      <c r="AM49" s="89">
        <v>4.9611243437273862E-2</v>
      </c>
      <c r="AN49" s="193">
        <v>8.5023533555646097E-2</v>
      </c>
      <c r="AO49" s="89">
        <v>6.0779117409638719E-2</v>
      </c>
      <c r="AP49" s="193">
        <v>0.75848526442721576</v>
      </c>
      <c r="AQ49" s="89">
        <v>8.7264941128501611E-2</v>
      </c>
      <c r="AR49" s="193">
        <v>0.10963738645847865</v>
      </c>
      <c r="AS49" s="89">
        <v>6.657024608156055E-2</v>
      </c>
      <c r="AT49" s="49">
        <v>88</v>
      </c>
      <c r="AU49" s="79">
        <v>5.5308234949280077</v>
      </c>
      <c r="AV49" s="80">
        <v>0.38705044672540101</v>
      </c>
      <c r="AW49" s="193">
        <v>8.5255300763237229E-2</v>
      </c>
      <c r="AX49" s="89">
        <v>6.3458077349158398E-2</v>
      </c>
      <c r="AY49" s="193">
        <v>2.3269221620347877E-2</v>
      </c>
      <c r="AZ49" s="89">
        <v>4.2763729979527015E-2</v>
      </c>
      <c r="BA49" s="193">
        <v>0.60905617840177484</v>
      </c>
      <c r="BB49" s="89">
        <v>0.10196300759172323</v>
      </c>
      <c r="BC49" s="193">
        <v>0.28241929921464054</v>
      </c>
      <c r="BD49" s="89">
        <v>9.4796300282566873E-2</v>
      </c>
    </row>
    <row r="50" spans="1:56">
      <c r="A50" s="44" t="s">
        <v>543</v>
      </c>
      <c r="B50" s="192">
        <v>77</v>
      </c>
      <c r="C50" s="175">
        <v>5.4754193552357711</v>
      </c>
      <c r="D50" s="127">
        <v>0.33134678450989319</v>
      </c>
      <c r="E50" s="194">
        <v>0.12931567213665759</v>
      </c>
      <c r="F50" s="92">
        <v>7.8827547490274472E-2</v>
      </c>
      <c r="G50" s="194">
        <v>0.11744663260231275</v>
      </c>
      <c r="H50" s="92">
        <v>7.6254953738743636E-2</v>
      </c>
      <c r="I50" s="194">
        <v>0.75323769526102968</v>
      </c>
      <c r="J50" s="92">
        <v>9.7385080499879692E-2</v>
      </c>
      <c r="K50" s="194">
        <v>0</v>
      </c>
      <c r="L50" s="92">
        <v>3.4485061975244265E-2</v>
      </c>
      <c r="M50" s="192">
        <v>77</v>
      </c>
      <c r="N50" s="175">
        <v>4.0790138198777228</v>
      </c>
      <c r="O50" s="127">
        <v>0.50989208743458891</v>
      </c>
      <c r="P50" s="194">
        <v>0.32640732536781714</v>
      </c>
      <c r="Q50" s="92">
        <v>0.10488520111787795</v>
      </c>
      <c r="R50" s="194">
        <v>0.11763248875868214</v>
      </c>
      <c r="S50" s="92">
        <v>7.6296541293290082E-2</v>
      </c>
      <c r="T50" s="194">
        <v>0.37388132239846045</v>
      </c>
      <c r="U50" s="92">
        <v>0.10786966192993939</v>
      </c>
      <c r="V50" s="194">
        <v>0.18207886347504032</v>
      </c>
      <c r="W50" s="92">
        <v>8.8516517065545641E-2</v>
      </c>
      <c r="X50" s="192">
        <v>77</v>
      </c>
      <c r="Y50" s="175">
        <v>4.1196569571766082</v>
      </c>
      <c r="Z50" s="127">
        <v>0.50614869621292125</v>
      </c>
      <c r="AA50" s="194">
        <v>0.35993016367841235</v>
      </c>
      <c r="AB50" s="92">
        <v>0.10709873831032161</v>
      </c>
      <c r="AC50" s="194">
        <v>0.10340435955519429</v>
      </c>
      <c r="AD50" s="92">
        <v>7.2983324425238319E-2</v>
      </c>
      <c r="AE50" s="194">
        <v>0.43984102822855503</v>
      </c>
      <c r="AF50" s="92">
        <v>0.11038194398429145</v>
      </c>
      <c r="AG50" s="194">
        <v>9.6824448537838087E-2</v>
      </c>
      <c r="AH50" s="92">
        <v>7.1356328347535816E-2</v>
      </c>
      <c r="AI50" s="192">
        <v>77</v>
      </c>
      <c r="AJ50" s="175">
        <v>5.2766639845363006</v>
      </c>
      <c r="AK50" s="127">
        <v>0.39436795644352801</v>
      </c>
      <c r="AL50" s="194">
        <v>0.15065794193780591</v>
      </c>
      <c r="AM50" s="92">
        <v>8.3063514134084429E-2</v>
      </c>
      <c r="AN50" s="194">
        <v>7.402133637403796E-2</v>
      </c>
      <c r="AO50" s="92">
        <v>6.5176465389088195E-2</v>
      </c>
      <c r="AP50" s="194">
        <v>0.57429039280557526</v>
      </c>
      <c r="AQ50" s="92">
        <v>0.10999721007673671</v>
      </c>
      <c r="AR50" s="194">
        <v>0.20103032888258082</v>
      </c>
      <c r="AS50" s="92">
        <v>9.1416047758697161E-2</v>
      </c>
      <c r="AT50" s="192">
        <v>67</v>
      </c>
      <c r="AU50" s="175">
        <v>4.8380218599731197</v>
      </c>
      <c r="AV50" s="127">
        <v>0.51331844299064167</v>
      </c>
      <c r="AW50" s="194">
        <v>0.14716781420795769</v>
      </c>
      <c r="AX50" s="92">
        <v>8.8537864373495978E-2</v>
      </c>
      <c r="AY50" s="194">
        <v>5.9421881511006316E-2</v>
      </c>
      <c r="AZ50" s="92">
        <v>6.5926237020847184E-2</v>
      </c>
      <c r="BA50" s="194">
        <v>0.36420533618542966</v>
      </c>
      <c r="BB50" s="92">
        <v>0.11471435401983239</v>
      </c>
      <c r="BC50" s="194">
        <v>0.42920496809560654</v>
      </c>
      <c r="BD50" s="92">
        <v>0.11761404557028371</v>
      </c>
    </row>
    <row r="51" spans="1:56">
      <c r="A51" s="52" t="s">
        <v>544</v>
      </c>
      <c r="B51" s="191">
        <v>57</v>
      </c>
      <c r="C51" s="79">
        <v>3.5164995046513337</v>
      </c>
      <c r="D51" s="80">
        <v>0.54158869386941366</v>
      </c>
      <c r="E51" s="193">
        <v>0.59809374637343071</v>
      </c>
      <c r="F51" s="89">
        <v>0.1258670110897063</v>
      </c>
      <c r="G51" s="193">
        <v>5.5275470510371488E-2</v>
      </c>
      <c r="H51" s="89">
        <v>7.119955962808748E-2</v>
      </c>
      <c r="I51" s="193">
        <v>0.34663078311619783</v>
      </c>
      <c r="J51" s="89">
        <v>0.1226648393432696</v>
      </c>
      <c r="K51" s="193">
        <v>0</v>
      </c>
      <c r="L51" s="89">
        <v>4.5601197425875629E-2</v>
      </c>
      <c r="M51" s="191">
        <v>56</v>
      </c>
      <c r="N51" s="79">
        <v>2.8220623760577626</v>
      </c>
      <c r="O51" s="80">
        <v>0.56483982930227716</v>
      </c>
      <c r="P51" s="193">
        <v>0.58874657235020056</v>
      </c>
      <c r="Q51" s="89">
        <v>0.12731566252677723</v>
      </c>
      <c r="R51" s="193">
        <v>0.15404646185739032</v>
      </c>
      <c r="S51" s="89">
        <v>9.8570471563032919E-2</v>
      </c>
      <c r="T51" s="193">
        <v>0.18034614885405234</v>
      </c>
      <c r="U51" s="89">
        <v>0.10359893811513939</v>
      </c>
      <c r="V51" s="193">
        <v>7.6860816938356627E-2</v>
      </c>
      <c r="W51" s="89">
        <v>7.9175067951046507E-2</v>
      </c>
      <c r="X51" s="191">
        <v>57</v>
      </c>
      <c r="Y51" s="79">
        <v>2.9763811082427147</v>
      </c>
      <c r="Z51" s="80">
        <v>0.47492726715878192</v>
      </c>
      <c r="AA51" s="193">
        <v>0.63521375106109168</v>
      </c>
      <c r="AB51" s="89">
        <v>0.12388158437695039</v>
      </c>
      <c r="AC51" s="193">
        <v>0.15678959531887077</v>
      </c>
      <c r="AD51" s="89">
        <v>9.8229716865604097E-2</v>
      </c>
      <c r="AE51" s="193">
        <v>0.20623037764655913</v>
      </c>
      <c r="AF51" s="89">
        <v>0.1070150697818131</v>
      </c>
      <c r="AG51" s="193">
        <v>1.7662759734782432E-3</v>
      </c>
      <c r="AH51" s="89">
        <v>4.6694970746522742E-2</v>
      </c>
      <c r="AI51" s="191">
        <v>57</v>
      </c>
      <c r="AJ51" s="79">
        <v>4.9004337221392582</v>
      </c>
      <c r="AK51" s="80">
        <v>0.44000145398382678</v>
      </c>
      <c r="AL51" s="193">
        <v>0.20799467952475775</v>
      </c>
      <c r="AM51" s="89">
        <v>0.10729118417086485</v>
      </c>
      <c r="AN51" s="193">
        <v>0.12852838207829018</v>
      </c>
      <c r="AO51" s="89">
        <v>9.2155495072187815E-2</v>
      </c>
      <c r="AP51" s="193">
        <v>0.58579951492189641</v>
      </c>
      <c r="AQ51" s="89">
        <v>0.12638018085064967</v>
      </c>
      <c r="AR51" s="193">
        <v>7.7677423475055615E-2</v>
      </c>
      <c r="AS51" s="89">
        <v>7.8622451742554347E-2</v>
      </c>
      <c r="AT51" s="191">
        <v>45</v>
      </c>
      <c r="AU51" s="79">
        <v>4.2263632052673525</v>
      </c>
      <c r="AV51" s="80">
        <v>0.64364371108058716</v>
      </c>
      <c r="AW51" s="193">
        <v>0.30957068387434172</v>
      </c>
      <c r="AX51" s="89">
        <v>0.13383375722503507</v>
      </c>
      <c r="AY51" s="193">
        <v>0.13158446540705962</v>
      </c>
      <c r="AZ51" s="89">
        <v>0.10518225389024932</v>
      </c>
      <c r="BA51" s="193">
        <v>0.32822563273284189</v>
      </c>
      <c r="BB51" s="89">
        <v>0.13556060952774646</v>
      </c>
      <c r="BC51" s="193">
        <v>0.23061921798575685</v>
      </c>
      <c r="BD51" s="89">
        <v>0.12414538334958984</v>
      </c>
    </row>
    <row r="52" spans="1:56">
      <c r="A52" s="44" t="s">
        <v>545</v>
      </c>
      <c r="B52" s="192">
        <v>640</v>
      </c>
      <c r="C52" s="175">
        <v>4.6515688554261523</v>
      </c>
      <c r="D52" s="127">
        <v>0.15308704835803966</v>
      </c>
      <c r="E52" s="194">
        <v>0.30962564464226328</v>
      </c>
      <c r="F52" s="92">
        <v>3.6475672376373974E-2</v>
      </c>
      <c r="G52" s="194">
        <v>9.1217300683811564E-2</v>
      </c>
      <c r="H52" s="92">
        <v>2.2972583637287266E-2</v>
      </c>
      <c r="I52" s="194">
        <v>0.59530460819749498</v>
      </c>
      <c r="J52" s="92">
        <v>3.8692088615611353E-2</v>
      </c>
      <c r="K52" s="194">
        <v>3.8524464764346255E-3</v>
      </c>
      <c r="L52" s="92">
        <v>6.5399044770752543E-3</v>
      </c>
      <c r="M52" s="192">
        <v>637</v>
      </c>
      <c r="N52" s="175">
        <v>3.5590718787716975</v>
      </c>
      <c r="O52" s="127">
        <v>0.16385089633182343</v>
      </c>
      <c r="P52" s="194">
        <v>0.45173067401652178</v>
      </c>
      <c r="Q52" s="92">
        <v>3.9315441790704286E-2</v>
      </c>
      <c r="R52" s="194">
        <v>0.10112791972758414</v>
      </c>
      <c r="S52" s="92">
        <v>2.4074831635588885E-2</v>
      </c>
      <c r="T52" s="194">
        <v>0.30822905175322995</v>
      </c>
      <c r="U52" s="92">
        <v>3.6516100811938734E-2</v>
      </c>
      <c r="V52" s="194">
        <v>0.1389123545026679</v>
      </c>
      <c r="W52" s="92">
        <v>2.7505540047617152E-2</v>
      </c>
      <c r="X52" s="192">
        <v>636</v>
      </c>
      <c r="Y52" s="175">
        <v>3.723807122169275</v>
      </c>
      <c r="Z52" s="127">
        <v>0.15541560966906004</v>
      </c>
      <c r="AA52" s="194">
        <v>0.47039410556991057</v>
      </c>
      <c r="AB52" s="92">
        <v>3.9459980766806228E-2</v>
      </c>
      <c r="AC52" s="194">
        <v>0.12699696816083725</v>
      </c>
      <c r="AD52" s="92">
        <v>2.6528574711513323E-2</v>
      </c>
      <c r="AE52" s="194">
        <v>0.35602314595886803</v>
      </c>
      <c r="AF52" s="92">
        <v>3.7875534026106022E-2</v>
      </c>
      <c r="AG52" s="194">
        <v>4.6585780310388236E-2</v>
      </c>
      <c r="AH52" s="92">
        <v>1.7135000806684265E-2</v>
      </c>
      <c r="AI52" s="192">
        <v>636</v>
      </c>
      <c r="AJ52" s="175">
        <v>5.4617134763118846</v>
      </c>
      <c r="AK52" s="127">
        <v>0.12357524758864695</v>
      </c>
      <c r="AL52" s="194">
        <v>0.10644136630052926</v>
      </c>
      <c r="AM52" s="92">
        <v>2.4627430906606095E-2</v>
      </c>
      <c r="AN52" s="194">
        <v>0.10013862823134576</v>
      </c>
      <c r="AO52" s="92">
        <v>2.399260975495638E-2</v>
      </c>
      <c r="AP52" s="194">
        <v>0.6621772562178424</v>
      </c>
      <c r="AQ52" s="92">
        <v>3.7418768556468196E-2</v>
      </c>
      <c r="AR52" s="194">
        <v>0.13124274925028753</v>
      </c>
      <c r="AS52" s="92">
        <v>2.6892442258573221E-2</v>
      </c>
      <c r="AT52" s="192">
        <v>505</v>
      </c>
      <c r="AU52" s="175">
        <v>4.8649780326466461</v>
      </c>
      <c r="AV52" s="127">
        <v>0.1942928825899353</v>
      </c>
      <c r="AW52" s="194">
        <v>0.12568283736880737</v>
      </c>
      <c r="AX52" s="92">
        <v>2.9678060810002894E-2</v>
      </c>
      <c r="AY52" s="194">
        <v>8.8476263706668487E-2</v>
      </c>
      <c r="AZ52" s="92">
        <v>2.5585401274341259E-2</v>
      </c>
      <c r="BA52" s="194">
        <v>0.39195703249754643</v>
      </c>
      <c r="BB52" s="92">
        <v>4.329362138831043E-2</v>
      </c>
      <c r="BC52" s="194">
        <v>0.39388386642697859</v>
      </c>
      <c r="BD52" s="92">
        <v>4.3330470881933932E-2</v>
      </c>
    </row>
    <row r="53" spans="1:56">
      <c r="A53" s="52" t="s">
        <v>546</v>
      </c>
      <c r="B53" s="191">
        <v>67</v>
      </c>
      <c r="C53" s="79">
        <v>3.780873955899628</v>
      </c>
      <c r="D53" s="80">
        <v>0.47255361880524099</v>
      </c>
      <c r="E53" s="193">
        <v>0.54840979875222284</v>
      </c>
      <c r="F53" s="89">
        <v>0.11818179132393442</v>
      </c>
      <c r="G53" s="193">
        <v>8.614602649046757E-2</v>
      </c>
      <c r="H53" s="89">
        <v>7.4106839531493218E-2</v>
      </c>
      <c r="I53" s="193">
        <v>0.36544417475730995</v>
      </c>
      <c r="J53" s="89">
        <v>0.11478756734017305</v>
      </c>
      <c r="K53" s="193">
        <v>0</v>
      </c>
      <c r="L53" s="89">
        <v>3.9271909274046654E-2</v>
      </c>
      <c r="M53" s="191">
        <v>66</v>
      </c>
      <c r="N53" s="79">
        <v>2.8668558004454416</v>
      </c>
      <c r="O53" s="80">
        <v>0.38623185884519062</v>
      </c>
      <c r="P53" s="193">
        <v>0.59546791949358668</v>
      </c>
      <c r="Q53" s="89">
        <v>0.11757009582749463</v>
      </c>
      <c r="R53" s="193">
        <v>0.10647949581463978</v>
      </c>
      <c r="S53" s="89">
        <v>8.0119216222447068E-2</v>
      </c>
      <c r="T53" s="193">
        <v>0.21514127326206267</v>
      </c>
      <c r="U53" s="89">
        <v>0.10081502174559646</v>
      </c>
      <c r="V53" s="193">
        <v>8.2911311429710977E-2</v>
      </c>
      <c r="W53" s="89">
        <v>7.381461963606209E-2</v>
      </c>
      <c r="X53" s="191">
        <v>66</v>
      </c>
      <c r="Y53" s="79">
        <v>2.6139273020302687</v>
      </c>
      <c r="Z53" s="80">
        <v>0.39097478783448708</v>
      </c>
      <c r="AA53" s="193">
        <v>0.68293954609357543</v>
      </c>
      <c r="AB53" s="89">
        <v>0.1121857207307453</v>
      </c>
      <c r="AC53" s="193">
        <v>8.8010023124605749E-2</v>
      </c>
      <c r="AD53" s="89">
        <v>7.5255143233824331E-2</v>
      </c>
      <c r="AE53" s="193">
        <v>0.16547620220974121</v>
      </c>
      <c r="AF53" s="89">
        <v>9.2741637289335335E-2</v>
      </c>
      <c r="AG53" s="193">
        <v>6.357422857207784E-2</v>
      </c>
      <c r="AH53" s="89">
        <v>6.7898378063825024E-2</v>
      </c>
      <c r="AI53" s="191">
        <v>64</v>
      </c>
      <c r="AJ53" s="79">
        <v>5.3614668988561993</v>
      </c>
      <c r="AK53" s="80">
        <v>0.37102201192561785</v>
      </c>
      <c r="AL53" s="193">
        <v>0.11994319703343641</v>
      </c>
      <c r="AM53" s="89">
        <v>8.4731526765975104E-2</v>
      </c>
      <c r="AN53" s="193">
        <v>9.2000239082068974E-2</v>
      </c>
      <c r="AO53" s="89">
        <v>7.7666016799723667E-2</v>
      </c>
      <c r="AP53" s="193">
        <v>0.70809476923106518</v>
      </c>
      <c r="AQ53" s="89">
        <v>0.1115772614610315</v>
      </c>
      <c r="AR53" s="193">
        <v>7.9961794653429619E-2</v>
      </c>
      <c r="AS53" s="89">
        <v>7.4246858246086817E-2</v>
      </c>
      <c r="AT53" s="191">
        <v>53</v>
      </c>
      <c r="AU53" s="79">
        <v>4.4160814412119436</v>
      </c>
      <c r="AV53" s="80">
        <v>0.53991297969304786</v>
      </c>
      <c r="AW53" s="193">
        <v>0.19444500336158665</v>
      </c>
      <c r="AX53" s="89">
        <v>0.10899221417475301</v>
      </c>
      <c r="AY53" s="193">
        <v>0.23225898266894063</v>
      </c>
      <c r="AZ53" s="89">
        <v>0.11486767827676743</v>
      </c>
      <c r="BA53" s="193">
        <v>0.29898790782964657</v>
      </c>
      <c r="BB53" s="89">
        <v>0.12285097361283284</v>
      </c>
      <c r="BC53" s="193">
        <v>0.2743081061398262</v>
      </c>
      <c r="BD53" s="89">
        <v>0.12022241225858889</v>
      </c>
    </row>
    <row r="54" spans="1:56">
      <c r="A54" s="44" t="s">
        <v>547</v>
      </c>
      <c r="B54" s="192">
        <v>146</v>
      </c>
      <c r="C54" s="175">
        <v>5.0139967066788236</v>
      </c>
      <c r="D54" s="127">
        <v>0.27059688640686824</v>
      </c>
      <c r="E54" s="194">
        <v>0.20979882593643975</v>
      </c>
      <c r="F54" s="92">
        <v>6.7372585839629753E-2</v>
      </c>
      <c r="G54" s="194">
        <v>5.9407079143233503E-2</v>
      </c>
      <c r="H54" s="92">
        <v>4.1981905793886304E-2</v>
      </c>
      <c r="I54" s="194">
        <v>0.71710463500519783</v>
      </c>
      <c r="J54" s="92">
        <v>7.3999260449730583E-2</v>
      </c>
      <c r="K54" s="194">
        <v>1.3689459915129985E-2</v>
      </c>
      <c r="L54" s="92">
        <v>2.6304425903732942E-2</v>
      </c>
      <c r="M54" s="192">
        <v>147</v>
      </c>
      <c r="N54" s="175">
        <v>3.4052198573020527</v>
      </c>
      <c r="O54" s="127">
        <v>0.33674718639731649</v>
      </c>
      <c r="P54" s="194">
        <v>0.41772852252058024</v>
      </c>
      <c r="Q54" s="92">
        <v>8.0328012222514761E-2</v>
      </c>
      <c r="R54" s="194">
        <v>0.13660047070380704</v>
      </c>
      <c r="S54" s="92">
        <v>5.7507760004238469E-2</v>
      </c>
      <c r="T54" s="194">
        <v>0.25916372480948868</v>
      </c>
      <c r="U54" s="92">
        <v>7.1877406050978865E-2</v>
      </c>
      <c r="V54" s="194">
        <v>0.18650728196612587</v>
      </c>
      <c r="W54" s="92">
        <v>6.4461111372704549E-2</v>
      </c>
      <c r="X54" s="192">
        <v>144</v>
      </c>
      <c r="Y54" s="175">
        <v>3.7627196258519064</v>
      </c>
      <c r="Z54" s="127">
        <v>0.30445141143522503</v>
      </c>
      <c r="AA54" s="194">
        <v>0.40064058121899038</v>
      </c>
      <c r="AB54" s="92">
        <v>8.0648408120986823E-2</v>
      </c>
      <c r="AC54" s="194">
        <v>0.2096989697797699</v>
      </c>
      <c r="AD54" s="92">
        <v>6.7827113508845377E-2</v>
      </c>
      <c r="AE54" s="194">
        <v>0.34026911175490931</v>
      </c>
      <c r="AF54" s="92">
        <v>7.8127847269752929E-2</v>
      </c>
      <c r="AG54" s="194">
        <v>4.9391337246332066E-2</v>
      </c>
      <c r="AH54" s="92">
        <v>3.9517047652257033E-2</v>
      </c>
      <c r="AI54" s="192">
        <v>147</v>
      </c>
      <c r="AJ54" s="175">
        <v>5.7702488758707</v>
      </c>
      <c r="AK54" s="127">
        <v>0.23460948759414971</v>
      </c>
      <c r="AL54" s="194">
        <v>7.4840191249266677E-2</v>
      </c>
      <c r="AM54" s="92">
        <v>4.5656078948037485E-2</v>
      </c>
      <c r="AN54" s="194">
        <v>0.11085588798484661</v>
      </c>
      <c r="AO54" s="92">
        <v>5.3110791032489925E-2</v>
      </c>
      <c r="AP54" s="194">
        <v>0.70237833075348266</v>
      </c>
      <c r="AQ54" s="92">
        <v>7.4794938640369818E-2</v>
      </c>
      <c r="AR54" s="194">
        <v>0.11192559001240492</v>
      </c>
      <c r="AS54" s="92">
        <v>5.3306926366961972E-2</v>
      </c>
      <c r="AT54" s="192">
        <v>81</v>
      </c>
      <c r="AU54" s="175">
        <v>5.0376136592974365</v>
      </c>
      <c r="AV54" s="127">
        <v>0.49101784643722346</v>
      </c>
      <c r="AW54" s="194">
        <v>0.10203620384621384</v>
      </c>
      <c r="AX54" s="92">
        <v>7.0687377850894198E-2</v>
      </c>
      <c r="AY54" s="194">
        <v>5.8337884209517153E-2</v>
      </c>
      <c r="AZ54" s="92">
        <v>5.8555833771541395E-2</v>
      </c>
      <c r="BA54" s="194">
        <v>0.42996516189134321</v>
      </c>
      <c r="BB54" s="92">
        <v>0.10749465542160348</v>
      </c>
      <c r="BC54" s="194">
        <v>0.40966075005292552</v>
      </c>
      <c r="BD54" s="92">
        <v>0.10684543157596092</v>
      </c>
    </row>
    <row r="55" spans="1:56">
      <c r="A55" s="52" t="s">
        <v>548</v>
      </c>
      <c r="B55" s="191">
        <v>163</v>
      </c>
      <c r="C55" s="79">
        <v>4.9199089484435747</v>
      </c>
      <c r="D55" s="80">
        <v>0.31036039920937225</v>
      </c>
      <c r="E55" s="193">
        <v>0.25855784194819859</v>
      </c>
      <c r="F55" s="89">
        <v>6.8248363410252685E-2</v>
      </c>
      <c r="G55" s="193">
        <v>0.1065340623447741</v>
      </c>
      <c r="H55" s="89">
        <v>4.9551774540813949E-2</v>
      </c>
      <c r="I55" s="193">
        <v>0.62950700111335156</v>
      </c>
      <c r="J55" s="89">
        <v>7.486863011478298E-2</v>
      </c>
      <c r="K55" s="193">
        <v>5.4010945936757877E-3</v>
      </c>
      <c r="L55" s="89">
        <v>2.0149316400657254E-2</v>
      </c>
      <c r="M55" s="191">
        <v>162</v>
      </c>
      <c r="N55" s="79">
        <v>3.5667109330253997</v>
      </c>
      <c r="O55" s="80">
        <v>0.35597458607829746</v>
      </c>
      <c r="P55" s="193">
        <v>0.45926438319578983</v>
      </c>
      <c r="Q55" s="89">
        <v>7.7369340561843039E-2</v>
      </c>
      <c r="R55" s="193">
        <v>8.1475098487710174E-2</v>
      </c>
      <c r="S55" s="89">
        <v>4.4768963998008844E-2</v>
      </c>
      <c r="T55" s="193">
        <v>0.31924580766015537</v>
      </c>
      <c r="U55" s="89">
        <v>7.2624385919350928E-2</v>
      </c>
      <c r="V55" s="193">
        <v>0.14001471065634477</v>
      </c>
      <c r="W55" s="89">
        <v>5.5228031102527844E-2</v>
      </c>
      <c r="X55" s="191">
        <v>163</v>
      </c>
      <c r="Y55" s="79">
        <v>3.7644405143861563</v>
      </c>
      <c r="Z55" s="80">
        <v>0.32153993176603696</v>
      </c>
      <c r="AA55" s="193">
        <v>0.4834498707870985</v>
      </c>
      <c r="AB55" s="89">
        <v>7.734192801510395E-2</v>
      </c>
      <c r="AC55" s="193">
        <v>0.12838134285727912</v>
      </c>
      <c r="AD55" s="89">
        <v>5.3261513744383343E-2</v>
      </c>
      <c r="AE55" s="193">
        <v>0.32937624661225762</v>
      </c>
      <c r="AF55" s="89">
        <v>7.2963848317901078E-2</v>
      </c>
      <c r="AG55" s="193">
        <v>5.8792539743365027E-2</v>
      </c>
      <c r="AH55" s="89">
        <v>3.9320431025298648E-2</v>
      </c>
      <c r="AI55" s="191">
        <v>164</v>
      </c>
      <c r="AJ55" s="79">
        <v>5.6148702233617103</v>
      </c>
      <c r="AK55" s="80">
        <v>0.25820124982466086</v>
      </c>
      <c r="AL55" s="193">
        <v>7.4289376873996268E-2</v>
      </c>
      <c r="AM55" s="89">
        <v>4.2900134689085573E-2</v>
      </c>
      <c r="AN55" s="193">
        <v>5.5133695573986924E-2</v>
      </c>
      <c r="AO55" s="89">
        <v>3.8236692727263349E-2</v>
      </c>
      <c r="AP55" s="193">
        <v>0.67410286390298169</v>
      </c>
      <c r="AQ55" s="89">
        <v>7.2557764936436286E-2</v>
      </c>
      <c r="AR55" s="193">
        <v>0.19647406364903511</v>
      </c>
      <c r="AS55" s="89">
        <v>6.2145533215611143E-2</v>
      </c>
      <c r="AT55" s="191">
        <v>148</v>
      </c>
      <c r="AU55" s="79">
        <v>4.8786757128493035</v>
      </c>
      <c r="AV55" s="80">
        <v>0.38017247390589087</v>
      </c>
      <c r="AW55" s="193">
        <v>0.10974054374080812</v>
      </c>
      <c r="AX55" s="89">
        <v>5.2717719546090371E-2</v>
      </c>
      <c r="AY55" s="193">
        <v>7.9179449531729271E-2</v>
      </c>
      <c r="AZ55" s="89">
        <v>4.6483712137566184E-2</v>
      </c>
      <c r="BA55" s="193">
        <v>0.31655018762440706</v>
      </c>
      <c r="BB55" s="89">
        <v>7.5758292018546849E-2</v>
      </c>
      <c r="BC55" s="193">
        <v>0.4945298191030556</v>
      </c>
      <c r="BD55" s="89">
        <v>8.1106108421900025E-2</v>
      </c>
    </row>
    <row r="56" spans="1:56">
      <c r="A56" s="44" t="s">
        <v>549</v>
      </c>
      <c r="B56" s="192">
        <v>72</v>
      </c>
      <c r="C56" s="175">
        <v>3.5355672872345356</v>
      </c>
      <c r="D56" s="127">
        <v>0.44950638028340928</v>
      </c>
      <c r="E56" s="194">
        <v>0.59680350565228835</v>
      </c>
      <c r="F56" s="92">
        <v>0.11276186728660867</v>
      </c>
      <c r="G56" s="194">
        <v>2.9179275155453429E-2</v>
      </c>
      <c r="H56" s="92">
        <v>5.1833592954458496E-2</v>
      </c>
      <c r="I56" s="194">
        <v>0.37401721919225805</v>
      </c>
      <c r="J56" s="92">
        <v>0.11139192881184824</v>
      </c>
      <c r="K56" s="194">
        <v>0</v>
      </c>
      <c r="L56" s="92">
        <v>3.6723195522334773E-2</v>
      </c>
      <c r="M56" s="192">
        <v>71</v>
      </c>
      <c r="N56" s="175">
        <v>3.1456552952749535</v>
      </c>
      <c r="O56" s="127">
        <v>0.46485670509566862</v>
      </c>
      <c r="P56" s="194">
        <v>0.54612851450459254</v>
      </c>
      <c r="Q56" s="92">
        <v>0.1150288258855495</v>
      </c>
      <c r="R56" s="194">
        <v>3.6427642940143744E-2</v>
      </c>
      <c r="S56" s="92">
        <v>5.5335098343826647E-2</v>
      </c>
      <c r="T56" s="194">
        <v>0.29282773547734958</v>
      </c>
      <c r="U56" s="92">
        <v>0.1062163172991436</v>
      </c>
      <c r="V56" s="194">
        <v>0.1246161070779136</v>
      </c>
      <c r="W56" s="92">
        <v>8.1229498975854741E-2</v>
      </c>
      <c r="X56" s="192">
        <v>72</v>
      </c>
      <c r="Y56" s="175">
        <v>2.7153744154897201</v>
      </c>
      <c r="Z56" s="127">
        <v>0.4299957115441137</v>
      </c>
      <c r="AA56" s="194">
        <v>0.64703196171922928</v>
      </c>
      <c r="AB56" s="92">
        <v>0.11016670102794153</v>
      </c>
      <c r="AC56" s="194">
        <v>0.13722831297703444</v>
      </c>
      <c r="AD56" s="92">
        <v>8.331460023914164E-2</v>
      </c>
      <c r="AE56" s="194">
        <v>0.18395408657836079</v>
      </c>
      <c r="AF56" s="92">
        <v>9.1867325206832023E-2</v>
      </c>
      <c r="AG56" s="194">
        <v>3.1785638725375251E-2</v>
      </c>
      <c r="AH56" s="92">
        <v>5.2937065042182409E-2</v>
      </c>
      <c r="AI56" s="192">
        <v>72</v>
      </c>
      <c r="AJ56" s="175">
        <v>4.8822154110583842</v>
      </c>
      <c r="AK56" s="127">
        <v>0.41062894873104133</v>
      </c>
      <c r="AL56" s="194">
        <v>0.23044680430860415</v>
      </c>
      <c r="AM56" s="92">
        <v>9.8618913355885129E-2</v>
      </c>
      <c r="AN56" s="194">
        <v>0.13169909715740191</v>
      </c>
      <c r="AO56" s="92">
        <v>8.2160681780703765E-2</v>
      </c>
      <c r="AP56" s="194">
        <v>0.58668854793253888</v>
      </c>
      <c r="AQ56" s="92">
        <v>0.11314995204552694</v>
      </c>
      <c r="AR56" s="194">
        <v>5.1165550601455195E-2</v>
      </c>
      <c r="AS56" s="92">
        <v>6.0347724475368722E-2</v>
      </c>
      <c r="AT56" s="192">
        <v>47</v>
      </c>
      <c r="AU56" s="175">
        <v>3.6042005072966572</v>
      </c>
      <c r="AV56" s="127">
        <v>0.64995422440904282</v>
      </c>
      <c r="AW56" s="194">
        <v>0.35483022174687467</v>
      </c>
      <c r="AX56" s="92">
        <v>0.13492245108725379</v>
      </c>
      <c r="AY56" s="194">
        <v>0.12235926485672025</v>
      </c>
      <c r="AZ56" s="92">
        <v>0.1005400277986391</v>
      </c>
      <c r="BA56" s="194">
        <v>0.27640084118528763</v>
      </c>
      <c r="BB56" s="92">
        <v>0.12758341049139421</v>
      </c>
      <c r="BC56" s="194">
        <v>0.24640967221111729</v>
      </c>
      <c r="BD56" s="92">
        <v>0.12379106175274336</v>
      </c>
    </row>
    <row r="57" spans="1:56">
      <c r="A57" s="52" t="s">
        <v>550</v>
      </c>
      <c r="B57" s="191">
        <v>123</v>
      </c>
      <c r="C57" s="79">
        <v>5.353696101070665</v>
      </c>
      <c r="D57" s="80">
        <v>0.28056391096627353</v>
      </c>
      <c r="E57" s="193">
        <v>0.14544948216251538</v>
      </c>
      <c r="F57" s="89">
        <v>6.449994743575535E-2</v>
      </c>
      <c r="G57" s="193">
        <v>5.5582395166099918E-2</v>
      </c>
      <c r="H57" s="89">
        <v>4.5155357882238151E-2</v>
      </c>
      <c r="I57" s="193">
        <v>0.7989681226713844</v>
      </c>
      <c r="J57" s="89">
        <v>7.2342090402094328E-2</v>
      </c>
      <c r="K57" s="193">
        <v>0</v>
      </c>
      <c r="L57" s="89">
        <v>2.2095020994736762E-2</v>
      </c>
      <c r="M57" s="191">
        <v>122</v>
      </c>
      <c r="N57" s="79">
        <v>4.2188266388951288</v>
      </c>
      <c r="O57" s="80">
        <v>0.37682561278820653</v>
      </c>
      <c r="P57" s="193">
        <v>0.33647032195220272</v>
      </c>
      <c r="Q57" s="89">
        <v>8.4502088922447413E-2</v>
      </c>
      <c r="R57" s="193">
        <v>8.810830348705094E-2</v>
      </c>
      <c r="S57" s="89">
        <v>5.3732429948342299E-2</v>
      </c>
      <c r="T57" s="193">
        <v>0.41240215383120904</v>
      </c>
      <c r="U57" s="89">
        <v>8.7795954444412169E-2</v>
      </c>
      <c r="V57" s="193">
        <v>0.16301922072953606</v>
      </c>
      <c r="W57" s="89">
        <v>6.7504125466072595E-2</v>
      </c>
      <c r="X57" s="191">
        <v>122</v>
      </c>
      <c r="Y57" s="79">
        <v>4.5476490027338556</v>
      </c>
      <c r="Z57" s="80">
        <v>0.34226330958177631</v>
      </c>
      <c r="AA57" s="193">
        <v>0.28745451014878981</v>
      </c>
      <c r="AB57" s="89">
        <v>8.1190971708718515E-2</v>
      </c>
      <c r="AC57" s="193">
        <v>0.10257270169025738</v>
      </c>
      <c r="AD57" s="89">
        <v>5.68821767291963E-2</v>
      </c>
      <c r="AE57" s="193">
        <v>0.56296621875796593</v>
      </c>
      <c r="AF57" s="89">
        <v>8.8422325236347216E-2</v>
      </c>
      <c r="AG57" s="193">
        <v>4.7006569402985914E-2</v>
      </c>
      <c r="AH57" s="89">
        <v>4.2768817822781233E-2</v>
      </c>
      <c r="AI57" s="191">
        <v>121</v>
      </c>
      <c r="AJ57" s="79">
        <v>5.4179726407739945</v>
      </c>
      <c r="AK57" s="80">
        <v>0.28208624491926149</v>
      </c>
      <c r="AL57" s="193">
        <v>0.11768091336677632</v>
      </c>
      <c r="AM57" s="89">
        <v>6.0143078646568114E-2</v>
      </c>
      <c r="AN57" s="193">
        <v>0.13040081806749476</v>
      </c>
      <c r="AO57" s="89">
        <v>6.2481790041569639E-2</v>
      </c>
      <c r="AP57" s="193">
        <v>0.62413917006141273</v>
      </c>
      <c r="AQ57" s="89">
        <v>8.6821188237323987E-2</v>
      </c>
      <c r="AR57" s="193">
        <v>0.12777909850431513</v>
      </c>
      <c r="AS57" s="89">
        <v>6.201337262166548E-2</v>
      </c>
      <c r="AT57" s="191">
        <v>115</v>
      </c>
      <c r="AU57" s="79">
        <v>5.2034808184812675</v>
      </c>
      <c r="AV57" s="80">
        <v>0.33635529717150325</v>
      </c>
      <c r="AW57" s="193">
        <v>9.0170271421271445E-2</v>
      </c>
      <c r="AX57" s="89">
        <v>5.5953545287413538E-2</v>
      </c>
      <c r="AY57" s="193">
        <v>6.5054397205796616E-2</v>
      </c>
      <c r="AZ57" s="89">
        <v>4.9646279801372338E-2</v>
      </c>
      <c r="BA57" s="193">
        <v>0.45479797054765497</v>
      </c>
      <c r="BB57" s="89">
        <v>9.1319335813668273E-2</v>
      </c>
      <c r="BC57" s="193">
        <v>0.38997736082527551</v>
      </c>
      <c r="BD57" s="89">
        <v>8.9573240702177606E-2</v>
      </c>
    </row>
    <row r="58" spans="1:56">
      <c r="A58" s="44" t="s">
        <v>551</v>
      </c>
      <c r="B58" s="192">
        <v>69</v>
      </c>
      <c r="C58" s="175">
        <v>3.3869757313086049</v>
      </c>
      <c r="D58" s="127">
        <v>0.42166388561875184</v>
      </c>
      <c r="E58" s="194">
        <v>0.56234908503555903</v>
      </c>
      <c r="F58" s="92">
        <v>0.11622532137429308</v>
      </c>
      <c r="G58" s="194">
        <v>0.21171672062715532</v>
      </c>
      <c r="H58" s="92">
        <v>9.8133504281572442E-2</v>
      </c>
      <c r="I58" s="194">
        <v>0.22593419433728509</v>
      </c>
      <c r="J58" s="92">
        <v>0.10010785252514717</v>
      </c>
      <c r="K58" s="194">
        <v>0</v>
      </c>
      <c r="L58" s="92">
        <v>3.821112970151376E-2</v>
      </c>
      <c r="M58" s="192">
        <v>69</v>
      </c>
      <c r="N58" s="175">
        <v>3.1973523009942717</v>
      </c>
      <c r="O58" s="127">
        <v>0.41453878529504185</v>
      </c>
      <c r="P58" s="194">
        <v>0.56418612935668266</v>
      </c>
      <c r="Q58" s="92">
        <v>0.11617635686887194</v>
      </c>
      <c r="R58" s="194">
        <v>0.15885444042425323</v>
      </c>
      <c r="S58" s="92">
        <v>8.9450158185137907E-2</v>
      </c>
      <c r="T58" s="194">
        <v>0.20823163724830043</v>
      </c>
      <c r="U58" s="92">
        <v>9.7627979817924371E-2</v>
      </c>
      <c r="V58" s="194">
        <v>6.8727792970763299E-2</v>
      </c>
      <c r="W58" s="92">
        <v>6.7774377825796414E-2</v>
      </c>
      <c r="X58" s="192">
        <v>69</v>
      </c>
      <c r="Y58" s="175">
        <v>3.2599172343574994</v>
      </c>
      <c r="Z58" s="127">
        <v>0.42303180210610825</v>
      </c>
      <c r="AA58" s="194">
        <v>0.65802217826100884</v>
      </c>
      <c r="AB58" s="92">
        <v>0.11169689075936266</v>
      </c>
      <c r="AC58" s="194">
        <v>8.3210289625877301E-2</v>
      </c>
      <c r="AD58" s="92">
        <v>7.2073739364639941E-2</v>
      </c>
      <c r="AE58" s="194">
        <v>0.24652174793479639</v>
      </c>
      <c r="AF58" s="92">
        <v>0.10272908789612237</v>
      </c>
      <c r="AG58" s="194">
        <v>1.2245784178317114E-2</v>
      </c>
      <c r="AH58" s="92">
        <v>4.5301560332791611E-2</v>
      </c>
      <c r="AI58" s="192">
        <v>68</v>
      </c>
      <c r="AJ58" s="175">
        <v>5.260068198835719</v>
      </c>
      <c r="AK58" s="127">
        <v>0.34222222222222221</v>
      </c>
      <c r="AL58" s="194">
        <v>0.11649633172446407</v>
      </c>
      <c r="AM58" s="92">
        <v>8.1244717698029337E-2</v>
      </c>
      <c r="AN58" s="194">
        <v>0.11412411370119009</v>
      </c>
      <c r="AO58" s="92">
        <v>8.0686188574746243E-2</v>
      </c>
      <c r="AP58" s="194">
        <v>0.67403652123390234</v>
      </c>
      <c r="AQ58" s="92">
        <v>0.11130119743398678</v>
      </c>
      <c r="AR58" s="194">
        <v>9.5343033340443153E-2</v>
      </c>
      <c r="AS58" s="92">
        <v>7.5990308822194652E-2</v>
      </c>
      <c r="AT58" s="192">
        <v>61</v>
      </c>
      <c r="AU58" s="175">
        <v>5.1234924338537757</v>
      </c>
      <c r="AV58" s="127">
        <v>0.49989800980001931</v>
      </c>
      <c r="AW58" s="194">
        <v>9.0207624597844108E-2</v>
      </c>
      <c r="AX58" s="92">
        <v>7.9266849754114715E-2</v>
      </c>
      <c r="AY58" s="194">
        <v>8.5068619366407236E-2</v>
      </c>
      <c r="AZ58" s="92">
        <v>7.7804435680644005E-2</v>
      </c>
      <c r="BA58" s="194">
        <v>0.50957332715096237</v>
      </c>
      <c r="BB58" s="92">
        <v>0.12401470983779193</v>
      </c>
      <c r="BC58" s="194">
        <v>0.31515042888478584</v>
      </c>
      <c r="BD58" s="92">
        <v>0.11633021896209468</v>
      </c>
    </row>
    <row r="61" spans="1:56" ht="18.75">
      <c r="A61" s="336" t="s">
        <v>411</v>
      </c>
      <c r="B61" s="336"/>
      <c r="C61" s="336"/>
      <c r="D61" s="336"/>
    </row>
    <row r="62" spans="1:56" ht="101.25" customHeight="1">
      <c r="A62" s="389" t="s">
        <v>413</v>
      </c>
      <c r="B62" s="389"/>
      <c r="C62" s="389"/>
      <c r="D62" s="389"/>
    </row>
    <row r="63" spans="1:56" ht="52.5" customHeight="1">
      <c r="A63" s="410" t="s">
        <v>412</v>
      </c>
      <c r="B63" s="338"/>
      <c r="C63" s="338"/>
      <c r="D63" s="338"/>
    </row>
    <row r="64" spans="1:56" ht="72">
      <c r="A64" s="32" t="s">
        <v>71</v>
      </c>
      <c r="B64" s="33" t="s">
        <v>72</v>
      </c>
      <c r="C64" s="34" t="s">
        <v>589</v>
      </c>
      <c r="D64" s="35" t="s">
        <v>73</v>
      </c>
    </row>
    <row r="65" spans="1:4" ht="72">
      <c r="A65" s="36"/>
      <c r="B65" s="37" t="s">
        <v>74</v>
      </c>
      <c r="C65" s="123" t="s">
        <v>304</v>
      </c>
      <c r="D65" s="39" t="s">
        <v>76</v>
      </c>
    </row>
    <row r="66" spans="1:4">
      <c r="A66" s="40" t="s">
        <v>349</v>
      </c>
      <c r="B66" s="161">
        <v>13378</v>
      </c>
      <c r="C66" s="162">
        <v>4.6058382743290247</v>
      </c>
      <c r="D66" s="81">
        <v>2.841324988712805E-2</v>
      </c>
    </row>
    <row r="67" spans="1:4">
      <c r="A67" s="44" t="s">
        <v>350</v>
      </c>
      <c r="B67" s="44">
        <v>9798</v>
      </c>
      <c r="C67" s="164">
        <v>3.8991512701747868</v>
      </c>
      <c r="D67" s="82">
        <v>3.1300090940843274E-2</v>
      </c>
    </row>
    <row r="68" spans="1:4">
      <c r="A68" s="40" t="s">
        <v>351</v>
      </c>
      <c r="B68" s="48">
        <v>3580</v>
      </c>
      <c r="C68" s="162">
        <v>5.1791687404784188</v>
      </c>
      <c r="D68" s="81">
        <v>4.3236509349918018E-2</v>
      </c>
    </row>
    <row r="69" spans="1:4">
      <c r="A69" s="44" t="s">
        <v>533</v>
      </c>
      <c r="B69" s="44">
        <v>3083</v>
      </c>
      <c r="C69" s="164">
        <v>4.6822893032893731</v>
      </c>
      <c r="D69" s="82">
        <v>5.9487421295989475E-2</v>
      </c>
    </row>
    <row r="70" spans="1:4">
      <c r="A70" s="40" t="s">
        <v>534</v>
      </c>
      <c r="B70" s="48">
        <v>2422</v>
      </c>
      <c r="C70" s="162">
        <v>3.5899348229685479</v>
      </c>
      <c r="D70" s="81">
        <v>6.205077062948651E-2</v>
      </c>
    </row>
    <row r="71" spans="1:4">
      <c r="A71" s="44" t="s">
        <v>535</v>
      </c>
      <c r="B71" s="44">
        <v>471</v>
      </c>
      <c r="C71" s="164">
        <v>3.4846651424759116</v>
      </c>
      <c r="D71" s="82">
        <v>0.14955495003699948</v>
      </c>
    </row>
    <row r="72" spans="1:4">
      <c r="A72" s="40" t="s">
        <v>536</v>
      </c>
      <c r="B72" s="48">
        <v>85</v>
      </c>
      <c r="C72" s="162">
        <v>3.0581614677817797</v>
      </c>
      <c r="D72" s="81">
        <v>0.33457058501196418</v>
      </c>
    </row>
    <row r="73" spans="1:4">
      <c r="A73" s="44" t="s">
        <v>537</v>
      </c>
      <c r="B73" s="44">
        <v>138</v>
      </c>
      <c r="C73" s="164">
        <v>2.7376114144096562</v>
      </c>
      <c r="D73" s="82">
        <v>0.23355481648558762</v>
      </c>
    </row>
    <row r="74" spans="1:4">
      <c r="A74" s="40" t="s">
        <v>538</v>
      </c>
      <c r="B74" s="48">
        <v>102</v>
      </c>
      <c r="C74" s="162">
        <v>2.8996484387581019</v>
      </c>
      <c r="D74" s="81">
        <v>0.2943163607499592</v>
      </c>
    </row>
    <row r="75" spans="1:4">
      <c r="A75" s="44" t="s">
        <v>539</v>
      </c>
      <c r="B75" s="44">
        <v>146</v>
      </c>
      <c r="C75" s="164">
        <v>4.4237423669478018</v>
      </c>
      <c r="D75" s="82">
        <v>0.23374342950633492</v>
      </c>
    </row>
    <row r="76" spans="1:4">
      <c r="A76" s="40" t="s">
        <v>540</v>
      </c>
      <c r="B76" s="161">
        <v>332</v>
      </c>
      <c r="C76" s="162">
        <v>3.2773064437991266</v>
      </c>
      <c r="D76" s="81">
        <v>0.17396433319463994</v>
      </c>
    </row>
    <row r="77" spans="1:4">
      <c r="A77" s="44" t="s">
        <v>541</v>
      </c>
      <c r="B77" s="163">
        <v>110</v>
      </c>
      <c r="C77" s="164">
        <v>3.097484611137439</v>
      </c>
      <c r="D77" s="82">
        <v>0.25861717162398834</v>
      </c>
    </row>
    <row r="78" spans="1:4">
      <c r="A78" s="40" t="s">
        <v>542</v>
      </c>
      <c r="B78" s="78">
        <v>91</v>
      </c>
      <c r="C78" s="162">
        <v>4.0276525086848771</v>
      </c>
      <c r="D78" s="81">
        <v>0.36304360270110253</v>
      </c>
    </row>
    <row r="79" spans="1:4">
      <c r="A79" s="44" t="s">
        <v>543</v>
      </c>
      <c r="B79" s="163">
        <v>76</v>
      </c>
      <c r="C79" s="164">
        <v>3.1574105028832333</v>
      </c>
      <c r="D79" s="82">
        <v>0.33295066169172921</v>
      </c>
    </row>
    <row r="80" spans="1:4">
      <c r="A80" s="52" t="s">
        <v>544</v>
      </c>
      <c r="B80" s="161">
        <v>55</v>
      </c>
      <c r="C80" s="162">
        <v>2.0751241252316941</v>
      </c>
      <c r="D80" s="81">
        <v>0.32177046955563404</v>
      </c>
    </row>
    <row r="81" spans="1:25">
      <c r="A81" s="44" t="s">
        <v>545</v>
      </c>
      <c r="B81" s="163">
        <v>613</v>
      </c>
      <c r="C81" s="164">
        <v>3.9371397484364286</v>
      </c>
      <c r="D81" s="82">
        <v>0.12403332423616399</v>
      </c>
    </row>
    <row r="82" spans="1:25">
      <c r="A82" s="52" t="s">
        <v>546</v>
      </c>
      <c r="B82" s="161">
        <v>66</v>
      </c>
      <c r="C82" s="162">
        <v>3.4732683127623547</v>
      </c>
      <c r="D82" s="81">
        <v>0.37564477026948156</v>
      </c>
    </row>
    <row r="83" spans="1:25">
      <c r="A83" s="44" t="s">
        <v>547</v>
      </c>
      <c r="B83" s="163">
        <v>138</v>
      </c>
      <c r="C83" s="164">
        <v>3.5727231660577288</v>
      </c>
      <c r="D83" s="82">
        <v>0.23429991271669615</v>
      </c>
    </row>
    <row r="84" spans="1:25">
      <c r="A84" s="52" t="s">
        <v>548</v>
      </c>
      <c r="B84" s="161">
        <v>158</v>
      </c>
      <c r="C84" s="162">
        <v>3.8115964147495323</v>
      </c>
      <c r="D84" s="81">
        <v>0.24309313841728317</v>
      </c>
    </row>
    <row r="85" spans="1:25">
      <c r="A85" s="44" t="s">
        <v>549</v>
      </c>
      <c r="B85" s="163">
        <v>67</v>
      </c>
      <c r="C85" s="164">
        <v>2.9647953164452856</v>
      </c>
      <c r="D85" s="82">
        <v>0.28220467691171464</v>
      </c>
    </row>
    <row r="86" spans="1:25">
      <c r="A86" s="52" t="s">
        <v>550</v>
      </c>
      <c r="B86" s="161">
        <v>118</v>
      </c>
      <c r="C86" s="162">
        <v>4.8193208829041723</v>
      </c>
      <c r="D86" s="81">
        <v>0.26843445978580133</v>
      </c>
    </row>
    <row r="87" spans="1:25">
      <c r="A87" s="44" t="s">
        <v>551</v>
      </c>
      <c r="B87" s="163">
        <v>66</v>
      </c>
      <c r="C87" s="164">
        <v>3.788309047600606</v>
      </c>
      <c r="D87" s="82">
        <v>0.35087695461786889</v>
      </c>
    </row>
    <row r="90" spans="1:25" ht="18.75">
      <c r="A90" s="416" t="s">
        <v>508</v>
      </c>
      <c r="B90" s="416"/>
      <c r="C90" s="416"/>
      <c r="D90" s="416"/>
      <c r="E90" s="416"/>
      <c r="F90" s="416"/>
      <c r="G90" s="416"/>
      <c r="H90" s="416"/>
      <c r="I90" s="416"/>
      <c r="J90" s="416"/>
      <c r="K90" s="416"/>
      <c r="L90" s="416"/>
      <c r="M90" s="416"/>
      <c r="N90" s="416"/>
      <c r="O90" s="416"/>
      <c r="P90" s="416"/>
      <c r="Q90" s="416"/>
      <c r="R90" s="416"/>
      <c r="S90" s="416"/>
      <c r="T90" s="416"/>
      <c r="U90" s="416"/>
      <c r="V90" s="416"/>
      <c r="W90" s="416"/>
      <c r="X90" s="310"/>
      <c r="Y90" s="310"/>
    </row>
    <row r="91" spans="1:25" ht="56.25" customHeight="1">
      <c r="A91" s="418" t="s">
        <v>593</v>
      </c>
      <c r="B91" s="418"/>
      <c r="C91" s="418"/>
      <c r="D91" s="418"/>
      <c r="E91" s="418"/>
      <c r="F91" s="418"/>
      <c r="G91" s="418"/>
      <c r="H91" s="418"/>
      <c r="I91" s="418"/>
      <c r="J91" s="418"/>
      <c r="K91" s="418"/>
      <c r="L91" s="418"/>
      <c r="M91" s="418"/>
      <c r="N91" s="418"/>
      <c r="O91" s="418"/>
      <c r="P91" s="418"/>
      <c r="Q91" s="418"/>
      <c r="R91" s="418"/>
      <c r="S91" s="418"/>
      <c r="T91" s="418"/>
      <c r="U91" s="418"/>
      <c r="V91" s="418"/>
      <c r="W91" s="418"/>
      <c r="X91" s="310"/>
      <c r="Y91" s="310"/>
    </row>
    <row r="92" spans="1:25" ht="36" customHeight="1">
      <c r="A92" s="59"/>
      <c r="B92" s="396" t="s">
        <v>414</v>
      </c>
      <c r="C92" s="397"/>
      <c r="D92" s="397"/>
      <c r="E92" s="397"/>
      <c r="F92" s="397"/>
      <c r="G92" s="397"/>
      <c r="H92" s="397"/>
      <c r="I92" s="397"/>
      <c r="J92" s="397"/>
      <c r="K92" s="397"/>
      <c r="L92" s="401"/>
      <c r="M92" s="396" t="s">
        <v>415</v>
      </c>
      <c r="N92" s="397"/>
      <c r="O92" s="397"/>
      <c r="P92" s="397"/>
      <c r="Q92" s="397"/>
      <c r="R92" s="397"/>
      <c r="S92" s="397"/>
      <c r="T92" s="397"/>
      <c r="U92" s="397"/>
      <c r="V92" s="397"/>
      <c r="W92" s="397"/>
    </row>
    <row r="93" spans="1:25" ht="41.25" customHeight="1">
      <c r="A93" s="32" t="s">
        <v>71</v>
      </c>
      <c r="B93" s="33" t="s">
        <v>72</v>
      </c>
      <c r="C93" s="34" t="s">
        <v>589</v>
      </c>
      <c r="D93" s="35" t="s">
        <v>73</v>
      </c>
      <c r="E93" s="33" t="s">
        <v>312</v>
      </c>
      <c r="F93" s="84" t="s">
        <v>143</v>
      </c>
      <c r="G93" s="33" t="s">
        <v>313</v>
      </c>
      <c r="H93" s="84" t="s">
        <v>144</v>
      </c>
      <c r="I93" s="33" t="s">
        <v>314</v>
      </c>
      <c r="J93" s="84" t="s">
        <v>117</v>
      </c>
      <c r="K93" s="33" t="s">
        <v>301</v>
      </c>
      <c r="L93" s="84" t="s">
        <v>315</v>
      </c>
      <c r="M93" s="60" t="s">
        <v>72</v>
      </c>
      <c r="N93" s="61" t="s">
        <v>589</v>
      </c>
      <c r="O93" s="62" t="s">
        <v>73</v>
      </c>
      <c r="P93" s="60" t="s">
        <v>312</v>
      </c>
      <c r="Q93" s="83" t="s">
        <v>143</v>
      </c>
      <c r="R93" s="60" t="s">
        <v>316</v>
      </c>
      <c r="S93" s="83" t="s">
        <v>317</v>
      </c>
      <c r="T93" s="60" t="s">
        <v>314</v>
      </c>
      <c r="U93" s="83" t="s">
        <v>117</v>
      </c>
      <c r="V93" s="60" t="s">
        <v>301</v>
      </c>
      <c r="W93" s="83" t="s">
        <v>315</v>
      </c>
    </row>
    <row r="94" spans="1:25" ht="72">
      <c r="A94" s="36"/>
      <c r="B94" s="37" t="s">
        <v>74</v>
      </c>
      <c r="C94" s="123" t="s">
        <v>304</v>
      </c>
      <c r="D94" s="39" t="s">
        <v>76</v>
      </c>
      <c r="E94" s="37" t="s">
        <v>159</v>
      </c>
      <c r="F94" s="86" t="s">
        <v>88</v>
      </c>
      <c r="G94" s="37" t="s">
        <v>160</v>
      </c>
      <c r="H94" s="86" t="s">
        <v>88</v>
      </c>
      <c r="I94" s="37" t="s">
        <v>161</v>
      </c>
      <c r="J94" s="86" t="s">
        <v>88</v>
      </c>
      <c r="K94" s="37" t="s">
        <v>301</v>
      </c>
      <c r="L94" s="86" t="s">
        <v>88</v>
      </c>
      <c r="M94" s="63" t="s">
        <v>74</v>
      </c>
      <c r="N94" s="254" t="s">
        <v>304</v>
      </c>
      <c r="O94" s="65" t="s">
        <v>76</v>
      </c>
      <c r="P94" s="63" t="s">
        <v>159</v>
      </c>
      <c r="Q94" s="85" t="s">
        <v>88</v>
      </c>
      <c r="R94" s="63" t="s">
        <v>160</v>
      </c>
      <c r="S94" s="85" t="s">
        <v>88</v>
      </c>
      <c r="T94" s="63" t="s">
        <v>161</v>
      </c>
      <c r="U94" s="85" t="s">
        <v>88</v>
      </c>
      <c r="V94" s="63" t="s">
        <v>301</v>
      </c>
      <c r="W94" s="85" t="s">
        <v>88</v>
      </c>
    </row>
    <row r="95" spans="1:25">
      <c r="A95" s="40" t="s">
        <v>349</v>
      </c>
      <c r="B95" s="311">
        <v>13765</v>
      </c>
      <c r="C95" s="312">
        <v>4.6218854932024618</v>
      </c>
      <c r="D95" s="313">
        <v>2.9541683813995363E-2</v>
      </c>
      <c r="E95" s="314">
        <v>0.23907028799581004</v>
      </c>
      <c r="F95" s="315">
        <v>7.2704463901309612E-3</v>
      </c>
      <c r="G95" s="314">
        <v>0.17044209525032281</v>
      </c>
      <c r="H95" s="315">
        <v>6.4104343685206268E-3</v>
      </c>
      <c r="I95" s="314">
        <v>0.5804295452051893</v>
      </c>
      <c r="J95" s="315">
        <v>8.4112269517187949E-3</v>
      </c>
      <c r="K95" s="314">
        <v>1.0058071548694003E-2</v>
      </c>
      <c r="L95" s="313">
        <v>1.7126203741847147E-3</v>
      </c>
      <c r="M95" s="311">
        <v>13843</v>
      </c>
      <c r="N95" s="312">
        <v>4.5967103240332383</v>
      </c>
      <c r="O95" s="314">
        <v>3.5405588152114864E-2</v>
      </c>
      <c r="P95" s="314">
        <v>0.28846712963972082</v>
      </c>
      <c r="Q95" s="315">
        <v>7.7006102684024046E-3</v>
      </c>
      <c r="R95" s="314">
        <v>0.12828613840063616</v>
      </c>
      <c r="S95" s="315">
        <v>5.6856997465847305E-3</v>
      </c>
      <c r="T95" s="314">
        <v>0.56647253136033926</v>
      </c>
      <c r="U95" s="315">
        <v>8.4227157461731327E-3</v>
      </c>
      <c r="V95" s="314">
        <v>1.6774200599319375E-2</v>
      </c>
      <c r="W95" s="315">
        <v>2.191636005694597E-3</v>
      </c>
    </row>
    <row r="96" spans="1:25">
      <c r="A96" s="44" t="s">
        <v>350</v>
      </c>
      <c r="B96" s="44">
        <v>10100</v>
      </c>
      <c r="C96" s="175">
        <v>4.1695425903581356</v>
      </c>
      <c r="D96" s="127">
        <v>3.4448295583078915E-2</v>
      </c>
      <c r="E96" s="194">
        <v>0.34152122855695283</v>
      </c>
      <c r="F96" s="92">
        <v>9.4358768663867273E-3</v>
      </c>
      <c r="G96" s="194">
        <v>0.17469114921658968</v>
      </c>
      <c r="H96" s="92">
        <v>7.5570651502053941E-3</v>
      </c>
      <c r="I96" s="194">
        <v>0.47687708375163623</v>
      </c>
      <c r="J96" s="92">
        <v>9.9377666432826899E-3</v>
      </c>
      <c r="K96" s="194">
        <v>6.9105384748209594E-3</v>
      </c>
      <c r="L96" s="127">
        <v>1.6712430268018129E-3</v>
      </c>
      <c r="M96" s="44">
        <v>10165</v>
      </c>
      <c r="N96" s="175">
        <v>3.639621827302848</v>
      </c>
      <c r="O96" s="194">
        <v>3.8735524108903331E-2</v>
      </c>
      <c r="P96" s="194">
        <v>0.48496814217650475</v>
      </c>
      <c r="Q96" s="92">
        <v>9.9120772612238204E-3</v>
      </c>
      <c r="R96" s="194">
        <v>0.13199811931886693</v>
      </c>
      <c r="S96" s="92">
        <v>6.7164047884303987E-3</v>
      </c>
      <c r="T96" s="194">
        <v>0.36314130167084047</v>
      </c>
      <c r="U96" s="92">
        <v>9.5381482792795368E-3</v>
      </c>
      <c r="V96" s="194">
        <v>1.9892436833781689E-2</v>
      </c>
      <c r="W96" s="92">
        <v>2.7821573111958746E-3</v>
      </c>
    </row>
    <row r="97" spans="1:23">
      <c r="A97" s="40" t="s">
        <v>351</v>
      </c>
      <c r="B97" s="316">
        <v>3665</v>
      </c>
      <c r="C97" s="312">
        <v>4.9927410243324486</v>
      </c>
      <c r="D97" s="313">
        <v>4.8905180471125187E-2</v>
      </c>
      <c r="E97" s="314">
        <v>0.15555860522907791</v>
      </c>
      <c r="F97" s="315">
        <v>1.1978843463844795E-2</v>
      </c>
      <c r="G97" s="314">
        <v>0.16697852873793584</v>
      </c>
      <c r="H97" s="315">
        <v>1.2325130483906727E-2</v>
      </c>
      <c r="I97" s="314">
        <v>0.66483911980992394</v>
      </c>
      <c r="J97" s="315">
        <v>1.558830091558025E-2</v>
      </c>
      <c r="K97" s="314">
        <v>1.2623746223063092E-2</v>
      </c>
      <c r="L97" s="313">
        <v>3.7620756571589628E-3</v>
      </c>
      <c r="M97" s="316">
        <v>3678</v>
      </c>
      <c r="N97" s="312">
        <v>5.3734788863316103</v>
      </c>
      <c r="O97" s="314">
        <v>5.1390986973733115E-2</v>
      </c>
      <c r="P97" s="314">
        <v>0.12806626381766983</v>
      </c>
      <c r="Q97" s="315">
        <v>1.1028859327793969E-2</v>
      </c>
      <c r="R97" s="314">
        <v>0.12525610336156179</v>
      </c>
      <c r="S97" s="315">
        <v>1.0925254393580393E-2</v>
      </c>
      <c r="T97" s="314">
        <v>0.73244880227012543</v>
      </c>
      <c r="U97" s="315">
        <v>1.4595203895135739E-2</v>
      </c>
      <c r="V97" s="314">
        <v>1.4228830550643858E-2</v>
      </c>
      <c r="W97" s="315">
        <v>3.9742243860208465E-3</v>
      </c>
    </row>
    <row r="98" spans="1:23">
      <c r="A98" s="44" t="s">
        <v>533</v>
      </c>
      <c r="B98" s="44">
        <v>3158</v>
      </c>
      <c r="C98" s="175">
        <v>4.5763371542424123</v>
      </c>
      <c r="D98" s="127">
        <v>6.3387385882981553E-2</v>
      </c>
      <c r="E98" s="194">
        <v>0.25525813110401246</v>
      </c>
      <c r="F98" s="92">
        <v>1.5513674277525985E-2</v>
      </c>
      <c r="G98" s="194">
        <v>0.15808977307951258</v>
      </c>
      <c r="H98" s="92">
        <v>1.2990191327706523E-2</v>
      </c>
      <c r="I98" s="194">
        <v>0.57717143268357562</v>
      </c>
      <c r="J98" s="92">
        <v>1.7571022517766266E-2</v>
      </c>
      <c r="K98" s="194">
        <v>9.4806631328938802E-3</v>
      </c>
      <c r="L98" s="127">
        <v>3.556563290171596E-3</v>
      </c>
      <c r="M98" s="44">
        <v>3177</v>
      </c>
      <c r="N98" s="175">
        <v>4.7861174148187891</v>
      </c>
      <c r="O98" s="194">
        <v>7.2056964529819106E-2</v>
      </c>
      <c r="P98" s="194">
        <v>0.25405197469021984</v>
      </c>
      <c r="Q98" s="92">
        <v>1.5443220379745208E-2</v>
      </c>
      <c r="R98" s="194">
        <v>0.11911227929907069</v>
      </c>
      <c r="S98" s="92">
        <v>1.1506414420855862E-2</v>
      </c>
      <c r="T98" s="194">
        <v>0.61196496844415615</v>
      </c>
      <c r="U98" s="92">
        <v>1.7281272555488798E-2</v>
      </c>
      <c r="V98" s="194">
        <v>1.4870777566547737E-2</v>
      </c>
      <c r="W98" s="92">
        <v>4.3778120299926239E-3</v>
      </c>
    </row>
    <row r="99" spans="1:23">
      <c r="A99" s="40" t="s">
        <v>534</v>
      </c>
      <c r="B99" s="316">
        <v>2485</v>
      </c>
      <c r="C99" s="312">
        <v>3.7190412138394686</v>
      </c>
      <c r="D99" s="313">
        <v>6.9297051610729216E-2</v>
      </c>
      <c r="E99" s="314">
        <v>0.44541638216775753</v>
      </c>
      <c r="F99" s="315">
        <v>1.9924735726253327E-2</v>
      </c>
      <c r="G99" s="314">
        <v>0.17399864515985733</v>
      </c>
      <c r="H99" s="315">
        <v>1.521583996197135E-2</v>
      </c>
      <c r="I99" s="314">
        <v>0.37620994546094366</v>
      </c>
      <c r="J99" s="315">
        <v>1.9422156076693026E-2</v>
      </c>
      <c r="K99" s="314">
        <v>4.3750272114426959E-3</v>
      </c>
      <c r="L99" s="313">
        <v>2.8754197337518949E-3</v>
      </c>
      <c r="M99" s="316">
        <v>2499</v>
      </c>
      <c r="N99" s="312">
        <v>3.4758014711832108</v>
      </c>
      <c r="O99" s="314">
        <v>7.6112048272294813E-2</v>
      </c>
      <c r="P99" s="314">
        <v>0.52134654097820166</v>
      </c>
      <c r="Q99" s="315">
        <v>1.996984464295859E-2</v>
      </c>
      <c r="R99" s="314">
        <v>0.14153693663036296</v>
      </c>
      <c r="S99" s="315">
        <v>1.395813600693558E-2</v>
      </c>
      <c r="T99" s="314">
        <v>0.32552083891234224</v>
      </c>
      <c r="U99" s="315">
        <v>1.8735676179736548E-2</v>
      </c>
      <c r="V99" s="314">
        <v>1.1595683479094827E-2</v>
      </c>
      <c r="W99" s="315">
        <v>4.4196603584621434E-3</v>
      </c>
    </row>
    <row r="100" spans="1:23">
      <c r="A100" s="44" t="s">
        <v>535</v>
      </c>
      <c r="B100" s="44">
        <v>482</v>
      </c>
      <c r="C100" s="175">
        <v>3.290110460478771</v>
      </c>
      <c r="D100" s="127">
        <v>0.16483718052728849</v>
      </c>
      <c r="E100" s="194">
        <v>0.52631435335169274</v>
      </c>
      <c r="F100" s="92">
        <v>4.5299088933867707E-2</v>
      </c>
      <c r="G100" s="194">
        <v>0.17898750648184814</v>
      </c>
      <c r="H100" s="92">
        <v>3.4976803437105353E-2</v>
      </c>
      <c r="I100" s="194">
        <v>0.29267937198424648</v>
      </c>
      <c r="J100" s="92">
        <v>4.1347943021386634E-2</v>
      </c>
      <c r="K100" s="194">
        <v>2.0187681822162965E-3</v>
      </c>
      <c r="L100" s="127">
        <v>7.0739519958975886E-3</v>
      </c>
      <c r="M100" s="44">
        <v>484</v>
      </c>
      <c r="N100" s="175">
        <v>3.6784579477143442</v>
      </c>
      <c r="O100" s="194">
        <v>0.1741947593048091</v>
      </c>
      <c r="P100" s="194">
        <v>0.47037572486707624</v>
      </c>
      <c r="Q100" s="92">
        <v>4.5189648659436761E-2</v>
      </c>
      <c r="R100" s="194">
        <v>0.16956625206995957</v>
      </c>
      <c r="S100" s="92">
        <v>3.4188022108855284E-2</v>
      </c>
      <c r="T100" s="194">
        <v>0.34664842031427878</v>
      </c>
      <c r="U100" s="92">
        <v>4.3122702627856266E-2</v>
      </c>
      <c r="V100" s="194">
        <v>1.3409602748689574E-2</v>
      </c>
      <c r="W100" s="92">
        <v>1.1837477485132199E-2</v>
      </c>
    </row>
    <row r="101" spans="1:23">
      <c r="A101" s="40" t="s">
        <v>536</v>
      </c>
      <c r="B101" s="316">
        <v>88</v>
      </c>
      <c r="C101" s="312">
        <v>3.2996702979933747</v>
      </c>
      <c r="D101" s="313">
        <v>0.38985500698949482</v>
      </c>
      <c r="E101" s="314">
        <v>0.54035340237354212</v>
      </c>
      <c r="F101" s="315">
        <v>0.10394608226255567</v>
      </c>
      <c r="G101" s="314">
        <v>0.2060440340283253</v>
      </c>
      <c r="H101" s="315">
        <v>8.6210174555574989E-2</v>
      </c>
      <c r="I101" s="314">
        <v>0.25360256359813232</v>
      </c>
      <c r="J101" s="315">
        <v>9.1948192973019136E-2</v>
      </c>
      <c r="K101" s="314">
        <v>0</v>
      </c>
      <c r="L101" s="313">
        <v>3.0407765486097187E-2</v>
      </c>
      <c r="M101" s="316">
        <v>88</v>
      </c>
      <c r="N101" s="312">
        <v>2.8295952720057875</v>
      </c>
      <c r="O101" s="314">
        <v>0.37457911268478478</v>
      </c>
      <c r="P101" s="314">
        <v>0.61231817645202913</v>
      </c>
      <c r="Q101" s="315">
        <v>0.10182204608568084</v>
      </c>
      <c r="R101" s="314">
        <v>0.21321617294677367</v>
      </c>
      <c r="S101" s="315">
        <v>8.7165833946107857E-2</v>
      </c>
      <c r="T101" s="314">
        <v>0.15603852796176743</v>
      </c>
      <c r="U101" s="315">
        <v>7.8506338825922395E-2</v>
      </c>
      <c r="V101" s="314">
        <v>1.8427122639429784E-2</v>
      </c>
      <c r="W101" s="315">
        <v>4.0548127491991111E-2</v>
      </c>
    </row>
    <row r="102" spans="1:23">
      <c r="A102" s="44" t="s">
        <v>537</v>
      </c>
      <c r="B102" s="44">
        <v>139</v>
      </c>
      <c r="C102" s="175">
        <v>2.3670298498852147</v>
      </c>
      <c r="D102" s="127">
        <v>0.25695537298003124</v>
      </c>
      <c r="E102" s="194">
        <v>0.74833836496424</v>
      </c>
      <c r="F102" s="92">
        <v>7.3233027991167959E-2</v>
      </c>
      <c r="G102" s="194">
        <v>5.6904513529821593E-2</v>
      </c>
      <c r="H102" s="92">
        <v>4.2474663835291894E-2</v>
      </c>
      <c r="I102" s="194">
        <v>0.19475712150593791</v>
      </c>
      <c r="J102" s="92">
        <v>6.7309195903326804E-2</v>
      </c>
      <c r="K102" s="194">
        <v>0</v>
      </c>
      <c r="L102" s="127">
        <v>1.964040746931579E-2</v>
      </c>
      <c r="M102" s="44">
        <v>139</v>
      </c>
      <c r="N102" s="175">
        <v>3.1080171256103775</v>
      </c>
      <c r="O102" s="194">
        <v>0.27779193821542636</v>
      </c>
      <c r="P102" s="194">
        <v>0.61510400948454558</v>
      </c>
      <c r="Q102" s="92">
        <v>8.1503682979846476E-2</v>
      </c>
      <c r="R102" s="194">
        <v>0.15882225865157948</v>
      </c>
      <c r="S102" s="92">
        <v>6.2582797909381052E-2</v>
      </c>
      <c r="T102" s="194">
        <v>0.22559483591486779</v>
      </c>
      <c r="U102" s="92">
        <v>7.0731517670274066E-2</v>
      </c>
      <c r="V102" s="194">
        <v>4.7889594900636976E-4</v>
      </c>
      <c r="W102" s="92">
        <v>1.9959867412841097E-2</v>
      </c>
    </row>
    <row r="103" spans="1:23">
      <c r="A103" s="40" t="s">
        <v>538</v>
      </c>
      <c r="B103" s="316">
        <v>105</v>
      </c>
      <c r="C103" s="312">
        <v>2.4323249024685745</v>
      </c>
      <c r="D103" s="313">
        <v>0.29613234017915496</v>
      </c>
      <c r="E103" s="314">
        <v>0.74441595043898456</v>
      </c>
      <c r="F103" s="315">
        <v>8.4498502986114485E-2</v>
      </c>
      <c r="G103" s="314">
        <v>0.16030584252866961</v>
      </c>
      <c r="H103" s="315">
        <v>7.242120138264721E-2</v>
      </c>
      <c r="I103" s="314">
        <v>8.5062645153912125E-2</v>
      </c>
      <c r="J103" s="315">
        <v>5.7543499081868787E-2</v>
      </c>
      <c r="K103" s="314">
        <v>1.021556187843317E-2</v>
      </c>
      <c r="L103" s="313">
        <v>3.1706605649094222E-2</v>
      </c>
      <c r="M103" s="316">
        <v>106</v>
      </c>
      <c r="N103" s="312">
        <v>3.3442109719169721</v>
      </c>
      <c r="O103" s="314">
        <v>0.36769347753555054</v>
      </c>
      <c r="P103" s="314">
        <v>0.56775690514617172</v>
      </c>
      <c r="Q103" s="315">
        <v>9.4529807101236124E-2</v>
      </c>
      <c r="R103" s="314">
        <v>9.6341747108078704E-2</v>
      </c>
      <c r="S103" s="315">
        <v>5.9907424878187773E-2</v>
      </c>
      <c r="T103" s="314">
        <v>0.31564651450354075</v>
      </c>
      <c r="U103" s="315">
        <v>8.9125157378036793E-2</v>
      </c>
      <c r="V103" s="314">
        <v>2.0254833242208208E-2</v>
      </c>
      <c r="W103" s="315">
        <v>3.6321200213483978E-2</v>
      </c>
    </row>
    <row r="104" spans="1:23">
      <c r="A104" s="44" t="s">
        <v>539</v>
      </c>
      <c r="B104" s="44">
        <v>150</v>
      </c>
      <c r="C104" s="175">
        <v>4.2763552219690979</v>
      </c>
      <c r="D104" s="127">
        <v>0.26591689584510902</v>
      </c>
      <c r="E104" s="194">
        <v>0.27557857542463882</v>
      </c>
      <c r="F104" s="92">
        <v>7.2473444816780558E-2</v>
      </c>
      <c r="G104" s="194">
        <v>0.25242808936731953</v>
      </c>
      <c r="H104" s="92">
        <v>7.0591340989396595E-2</v>
      </c>
      <c r="I104" s="194">
        <v>0.47199333520804088</v>
      </c>
      <c r="J104" s="92">
        <v>8.0462275457347743E-2</v>
      </c>
      <c r="K104" s="194">
        <v>0</v>
      </c>
      <c r="L104" s="127">
        <v>1.8246757748421008E-2</v>
      </c>
      <c r="M104" s="44">
        <v>151</v>
      </c>
      <c r="N104" s="175">
        <v>4.5396256638949621</v>
      </c>
      <c r="O104" s="194">
        <v>0.30363813623944774</v>
      </c>
      <c r="P104" s="194">
        <v>0.27611998084418993</v>
      </c>
      <c r="Q104" s="92">
        <v>7.2277478303694992E-2</v>
      </c>
      <c r="R104" s="194">
        <v>0.19512741733202596</v>
      </c>
      <c r="S104" s="92">
        <v>6.4615605330840625E-2</v>
      </c>
      <c r="T104" s="194">
        <v>0.51286606863191497</v>
      </c>
      <c r="U104" s="92">
        <v>8.0296691421791577E-2</v>
      </c>
      <c r="V104" s="194">
        <v>1.5886533191868443E-2</v>
      </c>
      <c r="W104" s="92">
        <v>2.6675769752783032E-2</v>
      </c>
    </row>
    <row r="105" spans="1:23">
      <c r="A105" s="40" t="s">
        <v>540</v>
      </c>
      <c r="B105" s="311">
        <v>338</v>
      </c>
      <c r="C105" s="312">
        <v>3.3687364369911896</v>
      </c>
      <c r="D105" s="313">
        <v>0.18729417620991629</v>
      </c>
      <c r="E105" s="314">
        <v>0.51959642454048383</v>
      </c>
      <c r="F105" s="315">
        <v>5.4033226785841382E-2</v>
      </c>
      <c r="G105" s="314">
        <v>0.15692858800297427</v>
      </c>
      <c r="H105" s="315">
        <v>3.9741721019225393E-2</v>
      </c>
      <c r="I105" s="314">
        <v>0.31858914879083355</v>
      </c>
      <c r="J105" s="315">
        <v>5.0477882752121152E-2</v>
      </c>
      <c r="K105" s="314">
        <v>4.8858386657095023E-3</v>
      </c>
      <c r="L105" s="313">
        <v>1.1114847962365493E-2</v>
      </c>
      <c r="M105" s="311">
        <v>340</v>
      </c>
      <c r="N105" s="312">
        <v>3.2399603117032552</v>
      </c>
      <c r="O105" s="314">
        <v>0.21666802650441108</v>
      </c>
      <c r="P105" s="314">
        <v>0.57138416289348615</v>
      </c>
      <c r="Q105" s="315">
        <v>5.3376908704922225E-2</v>
      </c>
      <c r="R105" s="314">
        <v>0.12028698725207525</v>
      </c>
      <c r="S105" s="315">
        <v>3.5625899006110212E-2</v>
      </c>
      <c r="T105" s="314">
        <v>0.3036256694557195</v>
      </c>
      <c r="U105" s="315">
        <v>4.9688415124752222E-2</v>
      </c>
      <c r="V105" s="314">
        <v>4.7031803987204017E-3</v>
      </c>
      <c r="W105" s="315">
        <v>1.0971942532213995E-2</v>
      </c>
    </row>
    <row r="106" spans="1:23">
      <c r="A106" s="44" t="s">
        <v>541</v>
      </c>
      <c r="B106" s="192">
        <v>112</v>
      </c>
      <c r="C106" s="175">
        <v>3.3014133867575466</v>
      </c>
      <c r="D106" s="127">
        <v>0.29949007728946037</v>
      </c>
      <c r="E106" s="194">
        <v>0.55815230539567851</v>
      </c>
      <c r="F106" s="92">
        <v>9.2260408885692216E-2</v>
      </c>
      <c r="G106" s="194">
        <v>0.13884595135032918</v>
      </c>
      <c r="H106" s="92">
        <v>6.6542179690815259E-2</v>
      </c>
      <c r="I106" s="194">
        <v>0.28727027191189797</v>
      </c>
      <c r="J106" s="92">
        <v>8.4652069713986616E-2</v>
      </c>
      <c r="K106" s="194">
        <v>1.5731471342094711E-2</v>
      </c>
      <c r="L106" s="127">
        <v>3.2894112343579508E-2</v>
      </c>
      <c r="M106" s="192">
        <v>113</v>
      </c>
      <c r="N106" s="175">
        <v>2.9709789624889997</v>
      </c>
      <c r="O106" s="194">
        <v>0.33550679361014224</v>
      </c>
      <c r="P106" s="194">
        <v>0.632905294239132</v>
      </c>
      <c r="Q106" s="92">
        <v>8.935157090642798E-2</v>
      </c>
      <c r="R106" s="194">
        <v>0.11921227427215531</v>
      </c>
      <c r="S106" s="92">
        <v>6.2633300208051801E-2</v>
      </c>
      <c r="T106" s="194">
        <v>0.24708182870184309</v>
      </c>
      <c r="U106" s="92">
        <v>8.0666345621973751E-2</v>
      </c>
      <c r="V106" s="194">
        <v>8.0060278687010789E-4</v>
      </c>
      <c r="W106" s="92">
        <v>2.4493508830753137E-2</v>
      </c>
    </row>
    <row r="107" spans="1:23">
      <c r="A107" s="40" t="s">
        <v>542</v>
      </c>
      <c r="B107" s="317">
        <v>92</v>
      </c>
      <c r="C107" s="312">
        <v>3.9018698559660279</v>
      </c>
      <c r="D107" s="313">
        <v>0.38206446928284449</v>
      </c>
      <c r="E107" s="314">
        <v>0.3949088417265651</v>
      </c>
      <c r="F107" s="315">
        <v>9.9970208174903472E-2</v>
      </c>
      <c r="G107" s="314">
        <v>0.10798499475613407</v>
      </c>
      <c r="H107" s="315">
        <v>6.7349755987053214E-2</v>
      </c>
      <c r="I107" s="314">
        <v>0.49710616351730197</v>
      </c>
      <c r="J107" s="315">
        <v>0.10206050269104677</v>
      </c>
      <c r="K107" s="314">
        <v>0</v>
      </c>
      <c r="L107" s="313">
        <v>2.9154263235671291E-2</v>
      </c>
      <c r="M107" s="317">
        <v>95</v>
      </c>
      <c r="N107" s="312">
        <v>4.1991415671568895</v>
      </c>
      <c r="O107" s="314">
        <v>0.43530245635421089</v>
      </c>
      <c r="P107" s="314">
        <v>0.39348418989332701</v>
      </c>
      <c r="Q107" s="315">
        <v>9.8381380810065561E-2</v>
      </c>
      <c r="R107" s="314">
        <v>0.10885914162230727</v>
      </c>
      <c r="S107" s="315">
        <v>6.6400071743178357E-2</v>
      </c>
      <c r="T107" s="314">
        <v>0.49714972515705613</v>
      </c>
      <c r="U107" s="315">
        <v>0.10050227780948071</v>
      </c>
      <c r="V107" s="314">
        <v>5.0694332731056303E-4</v>
      </c>
      <c r="W107" s="315">
        <v>2.8611269748075017E-2</v>
      </c>
    </row>
    <row r="108" spans="1:23">
      <c r="A108" s="44" t="s">
        <v>543</v>
      </c>
      <c r="B108" s="192">
        <v>77</v>
      </c>
      <c r="C108" s="175">
        <v>3.1352176365016802</v>
      </c>
      <c r="D108" s="127">
        <v>0.34387197310088746</v>
      </c>
      <c r="E108" s="194">
        <v>0.52865508440644471</v>
      </c>
      <c r="F108" s="92">
        <v>0.11094609555141145</v>
      </c>
      <c r="G108" s="194">
        <v>0.27000404839692727</v>
      </c>
      <c r="H108" s="92">
        <v>9.9925248479607418E-2</v>
      </c>
      <c r="I108" s="194">
        <v>0.20134086719662783</v>
      </c>
      <c r="J108" s="92">
        <v>9.1461334711532269E-2</v>
      </c>
      <c r="K108" s="194">
        <v>0</v>
      </c>
      <c r="L108" s="127">
        <v>3.4485061975244265E-2</v>
      </c>
      <c r="M108" s="192">
        <v>76</v>
      </c>
      <c r="N108" s="175">
        <v>3.1760818298973628</v>
      </c>
      <c r="O108" s="194">
        <v>0.43753015777867882</v>
      </c>
      <c r="P108" s="194">
        <v>0.56929800742214176</v>
      </c>
      <c r="Q108" s="92">
        <v>0.11083005053143462</v>
      </c>
      <c r="R108" s="194">
        <v>0.16724567745701382</v>
      </c>
      <c r="S108" s="92">
        <v>8.6622829308483945E-2</v>
      </c>
      <c r="T108" s="194">
        <v>0.2634563151208445</v>
      </c>
      <c r="U108" s="92">
        <v>9.9875546141753632E-2</v>
      </c>
      <c r="V108" s="194">
        <v>0</v>
      </c>
      <c r="W108" s="92">
        <v>3.4910600109422353E-2</v>
      </c>
    </row>
    <row r="109" spans="1:23">
      <c r="A109" s="52" t="s">
        <v>544</v>
      </c>
      <c r="B109" s="311">
        <v>57</v>
      </c>
      <c r="C109" s="312">
        <v>2.6931332349889407</v>
      </c>
      <c r="D109" s="313">
        <v>0.47277352353452251</v>
      </c>
      <c r="E109" s="314">
        <v>0.70761390865259099</v>
      </c>
      <c r="F109" s="315">
        <v>0.11800640322720322</v>
      </c>
      <c r="G109" s="314">
        <v>0.1063689894865881</v>
      </c>
      <c r="H109" s="315">
        <v>8.6728927439182271E-2</v>
      </c>
      <c r="I109" s="314">
        <v>0.1860171018608206</v>
      </c>
      <c r="J109" s="315">
        <v>0.103676687065607</v>
      </c>
      <c r="K109" s="314">
        <v>0</v>
      </c>
      <c r="L109" s="313">
        <v>4.5601197425875629E-2</v>
      </c>
      <c r="M109" s="311">
        <v>56</v>
      </c>
      <c r="N109" s="312">
        <v>1.5578547426115712</v>
      </c>
      <c r="O109" s="314">
        <v>0.32313796602571482</v>
      </c>
      <c r="P109" s="314">
        <v>0.87101406825110306</v>
      </c>
      <c r="Q109" s="315">
        <v>9.3127261374186407E-2</v>
      </c>
      <c r="R109" s="314">
        <v>6.3142518080897991E-2</v>
      </c>
      <c r="S109" s="315">
        <v>7.4723165006120279E-2</v>
      </c>
      <c r="T109" s="314">
        <v>3.2323225101144215E-2</v>
      </c>
      <c r="U109" s="315">
        <v>6.2965182870959618E-2</v>
      </c>
      <c r="V109" s="314">
        <v>3.3520188566854452E-2</v>
      </c>
      <c r="W109" s="315">
        <v>6.34787354607141E-2</v>
      </c>
    </row>
    <row r="110" spans="1:23">
      <c r="A110" s="44" t="s">
        <v>545</v>
      </c>
      <c r="B110" s="192">
        <v>632</v>
      </c>
      <c r="C110" s="175">
        <v>4.0248344221141545</v>
      </c>
      <c r="D110" s="127">
        <v>0.13427920796935502</v>
      </c>
      <c r="E110" s="194">
        <v>0.4025815069548897</v>
      </c>
      <c r="F110" s="92">
        <v>3.8902283440950813E-2</v>
      </c>
      <c r="G110" s="194">
        <v>0.17637714433165358</v>
      </c>
      <c r="H110" s="92">
        <v>3.0362742511696045E-2</v>
      </c>
      <c r="I110" s="194">
        <v>0.41262781654859365</v>
      </c>
      <c r="J110" s="92">
        <v>3.9050187307937023E-2</v>
      </c>
      <c r="K110" s="194">
        <v>8.4135321648684102E-3</v>
      </c>
      <c r="L110" s="127">
        <v>8.4574033276894542E-3</v>
      </c>
      <c r="M110" s="192">
        <v>634</v>
      </c>
      <c r="N110" s="175">
        <v>3.8513014279038384</v>
      </c>
      <c r="O110" s="194">
        <v>0.15428392307399558</v>
      </c>
      <c r="P110" s="194">
        <v>0.44129829249485275</v>
      </c>
      <c r="Q110" s="92">
        <v>3.9320018332295141E-2</v>
      </c>
      <c r="R110" s="194">
        <v>0.15720247463059731</v>
      </c>
      <c r="S110" s="92">
        <v>2.898045162764918E-2</v>
      </c>
      <c r="T110" s="194">
        <v>0.38462981948046832</v>
      </c>
      <c r="U110" s="92">
        <v>3.8535583710039074E-2</v>
      </c>
      <c r="V110" s="194">
        <v>1.6869413394087429E-2</v>
      </c>
      <c r="W110" s="92">
        <v>1.105769910373721E-2</v>
      </c>
    </row>
    <row r="111" spans="1:23">
      <c r="A111" s="52" t="s">
        <v>546</v>
      </c>
      <c r="B111" s="311">
        <v>67</v>
      </c>
      <c r="C111" s="312">
        <v>3.4665707871676372</v>
      </c>
      <c r="D111" s="313">
        <v>0.41345942665452201</v>
      </c>
      <c r="E111" s="314">
        <v>0.55448659323857741</v>
      </c>
      <c r="F111" s="315">
        <v>0.11804899906974277</v>
      </c>
      <c r="G111" s="314">
        <v>0.19049311957292633</v>
      </c>
      <c r="H111" s="315">
        <v>9.632550135182455E-2</v>
      </c>
      <c r="I111" s="314">
        <v>0.25502028718849662</v>
      </c>
      <c r="J111" s="315">
        <v>0.1052312582365474</v>
      </c>
      <c r="K111" s="314">
        <v>0</v>
      </c>
      <c r="L111" s="313">
        <v>3.9271909274046654E-2</v>
      </c>
      <c r="M111" s="311">
        <v>66</v>
      </c>
      <c r="N111" s="312">
        <v>3.4791848996714596</v>
      </c>
      <c r="O111" s="314">
        <v>0.48528044277961674</v>
      </c>
      <c r="P111" s="314">
        <v>0.51718463965278993</v>
      </c>
      <c r="Q111" s="315">
        <v>0.11946008868500585</v>
      </c>
      <c r="R111" s="314">
        <v>0.15638229630449813</v>
      </c>
      <c r="S111" s="315">
        <v>9.1037009862139834E-2</v>
      </c>
      <c r="T111" s="314">
        <v>0.326433064042712</v>
      </c>
      <c r="U111" s="315">
        <v>0.11293969616385864</v>
      </c>
      <c r="V111" s="314">
        <v>0</v>
      </c>
      <c r="W111" s="315">
        <v>3.9824688710695409E-2</v>
      </c>
    </row>
    <row r="112" spans="1:23">
      <c r="A112" s="44" t="s">
        <v>547</v>
      </c>
      <c r="B112" s="192">
        <v>146</v>
      </c>
      <c r="C112" s="175">
        <v>3.7915435155613917</v>
      </c>
      <c r="D112" s="127">
        <v>0.25243329593691505</v>
      </c>
      <c r="E112" s="194">
        <v>0.46158846034241835</v>
      </c>
      <c r="F112" s="92">
        <v>8.1421077514913731E-2</v>
      </c>
      <c r="G112" s="194">
        <v>0.13161599022489359</v>
      </c>
      <c r="H112" s="92">
        <v>5.6905632669210462E-2</v>
      </c>
      <c r="I112" s="194">
        <v>0.40679554943269031</v>
      </c>
      <c r="J112" s="92">
        <v>8.0294468601797522E-2</v>
      </c>
      <c r="K112" s="194">
        <v>0</v>
      </c>
      <c r="L112" s="127">
        <v>1.8730051116182648E-2</v>
      </c>
      <c r="M112" s="192">
        <v>144</v>
      </c>
      <c r="N112" s="175">
        <v>3.366057840423144</v>
      </c>
      <c r="O112" s="194">
        <v>0.29471046265954454</v>
      </c>
      <c r="P112" s="194">
        <v>0.52238989479449105</v>
      </c>
      <c r="Q112" s="92">
        <v>8.2121436797553446E-2</v>
      </c>
      <c r="R112" s="194">
        <v>0.20774441890027123</v>
      </c>
      <c r="S112" s="92">
        <v>6.7612013316060385E-2</v>
      </c>
      <c r="T112" s="194">
        <v>0.23369501923741054</v>
      </c>
      <c r="U112" s="92">
        <v>7.0301143377903427E-2</v>
      </c>
      <c r="V112" s="194">
        <v>3.6170667067828802E-2</v>
      </c>
      <c r="W112" s="92">
        <v>3.5387531240457064E-2</v>
      </c>
    </row>
    <row r="113" spans="1:23">
      <c r="A113" s="52" t="s">
        <v>548</v>
      </c>
      <c r="B113" s="311">
        <v>161</v>
      </c>
      <c r="C113" s="312">
        <v>3.8494208658734199</v>
      </c>
      <c r="D113" s="313">
        <v>0.25842133746506435</v>
      </c>
      <c r="E113" s="314">
        <v>0.42167951493544281</v>
      </c>
      <c r="F113" s="315">
        <v>7.6935188382141667E-2</v>
      </c>
      <c r="G113" s="314">
        <v>0.17470591472888811</v>
      </c>
      <c r="H113" s="315">
        <v>6.0151738402266765E-2</v>
      </c>
      <c r="I113" s="314">
        <v>0.39526537629020914</v>
      </c>
      <c r="J113" s="315">
        <v>7.6206427601931151E-2</v>
      </c>
      <c r="K113" s="314">
        <v>8.3491940454601919E-3</v>
      </c>
      <c r="L113" s="313">
        <v>2.1940530961921053E-2</v>
      </c>
      <c r="M113" s="311">
        <v>162</v>
      </c>
      <c r="N113" s="312">
        <v>3.8202277274054532</v>
      </c>
      <c r="O113" s="314">
        <v>0.30395496383149778</v>
      </c>
      <c r="P113" s="314">
        <v>0.44529681961731632</v>
      </c>
      <c r="Q113" s="315">
        <v>7.7171384673593565E-2</v>
      </c>
      <c r="R113" s="314">
        <v>0.16063157655873656</v>
      </c>
      <c r="S113" s="315">
        <v>5.8146596398942874E-2</v>
      </c>
      <c r="T113" s="314">
        <v>0.38659463784976511</v>
      </c>
      <c r="U113" s="315">
        <v>7.568984793701411E-2</v>
      </c>
      <c r="V113" s="314">
        <v>7.4769659741822994E-3</v>
      </c>
      <c r="W113" s="315">
        <v>2.1380523857746848E-2</v>
      </c>
    </row>
    <row r="114" spans="1:23">
      <c r="A114" s="44" t="s">
        <v>549</v>
      </c>
      <c r="B114" s="192">
        <v>70</v>
      </c>
      <c r="C114" s="175">
        <v>3.0207464182502637</v>
      </c>
      <c r="D114" s="127">
        <v>0.36931460215149753</v>
      </c>
      <c r="E114" s="194">
        <v>0.61133315760564888</v>
      </c>
      <c r="F114" s="92">
        <v>0.11363971502502015</v>
      </c>
      <c r="G114" s="194">
        <v>0.1905384837509779</v>
      </c>
      <c r="H114" s="92">
        <v>9.4241461947190158E-2</v>
      </c>
      <c r="I114" s="194">
        <v>0.19812835864337291</v>
      </c>
      <c r="J114" s="92">
        <v>9.5424731130261967E-2</v>
      </c>
      <c r="K114" s="194">
        <v>0</v>
      </c>
      <c r="L114" s="127">
        <v>3.7701936889887336E-2</v>
      </c>
      <c r="M114" s="192">
        <v>71</v>
      </c>
      <c r="N114" s="175">
        <v>2.8735325419051083</v>
      </c>
      <c r="O114" s="194">
        <v>0.41776238595908904</v>
      </c>
      <c r="P114" s="194">
        <v>0.6656923483134759</v>
      </c>
      <c r="Q114" s="92">
        <v>0.10964095980450686</v>
      </c>
      <c r="R114" s="194">
        <v>0.15269522847794964</v>
      </c>
      <c r="S114" s="92">
        <v>8.6995017440314626E-2</v>
      </c>
      <c r="T114" s="194">
        <v>0.14720505428690372</v>
      </c>
      <c r="U114" s="92">
        <v>8.5932650764577137E-2</v>
      </c>
      <c r="V114" s="194">
        <v>3.4407368921670525E-2</v>
      </c>
      <c r="W114" s="92">
        <v>5.4518361259476004E-2</v>
      </c>
    </row>
    <row r="115" spans="1:23">
      <c r="A115" s="52" t="s">
        <v>550</v>
      </c>
      <c r="B115" s="311">
        <v>121</v>
      </c>
      <c r="C115" s="312">
        <v>4.6982773404751716</v>
      </c>
      <c r="D115" s="313">
        <v>0.30166709788272988</v>
      </c>
      <c r="E115" s="314">
        <v>0.29117197677807233</v>
      </c>
      <c r="F115" s="315">
        <v>8.1807028768848128E-2</v>
      </c>
      <c r="G115" s="314">
        <v>0.14958053839829147</v>
      </c>
      <c r="H115" s="315">
        <v>6.5711919946616112E-2</v>
      </c>
      <c r="I115" s="314">
        <v>0.53588287158164361</v>
      </c>
      <c r="J115" s="315">
        <v>8.9226633906235767E-2</v>
      </c>
      <c r="K115" s="314">
        <v>2.336461324199118E-2</v>
      </c>
      <c r="L115" s="313">
        <v>3.4467690206041846E-2</v>
      </c>
      <c r="M115" s="311">
        <v>122</v>
      </c>
      <c r="N115" s="312">
        <v>4.917239248719949</v>
      </c>
      <c r="O115" s="314">
        <v>0.31458452338402421</v>
      </c>
      <c r="P115" s="314">
        <v>0.20903926764439704</v>
      </c>
      <c r="Q115" s="315">
        <v>7.3599442144990812E-2</v>
      </c>
      <c r="R115" s="314">
        <v>0.15064178030487363</v>
      </c>
      <c r="S115" s="315">
        <v>6.5604662591076279E-2</v>
      </c>
      <c r="T115" s="314">
        <v>0.631718695516299</v>
      </c>
      <c r="U115" s="315">
        <v>8.6140209710965587E-2</v>
      </c>
      <c r="V115" s="314">
        <v>8.6002565344293434E-3</v>
      </c>
      <c r="W115" s="315">
        <v>2.7380097260206349E-2</v>
      </c>
    </row>
    <row r="116" spans="1:23">
      <c r="A116" s="44" t="s">
        <v>551</v>
      </c>
      <c r="B116" s="192">
        <v>67</v>
      </c>
      <c r="C116" s="175">
        <v>4.3696561739696032</v>
      </c>
      <c r="D116" s="127">
        <v>0.39376632773390419</v>
      </c>
      <c r="E116" s="194">
        <v>0.27955158296110771</v>
      </c>
      <c r="F116" s="92">
        <v>0.10791859827463357</v>
      </c>
      <c r="G116" s="194">
        <v>0.27940874660884046</v>
      </c>
      <c r="H116" s="92">
        <v>0.10790395446308894</v>
      </c>
      <c r="I116" s="194">
        <v>0.44103967043005132</v>
      </c>
      <c r="J116" s="92">
        <v>0.11794110343693186</v>
      </c>
      <c r="K116" s="194">
        <v>0</v>
      </c>
      <c r="L116" s="127">
        <v>3.9271909274046654E-2</v>
      </c>
      <c r="M116" s="192">
        <v>69</v>
      </c>
      <c r="N116" s="175">
        <v>3.1765982967901354</v>
      </c>
      <c r="O116" s="194">
        <v>0.43602276295700498</v>
      </c>
      <c r="P116" s="194">
        <v>0.61407100319574381</v>
      </c>
      <c r="Q116" s="92">
        <v>0.11428748460188112</v>
      </c>
      <c r="R116" s="194">
        <v>9.9048901652491195E-2</v>
      </c>
      <c r="S116" s="92">
        <v>7.6345741646058757E-2</v>
      </c>
      <c r="T116" s="194">
        <v>0.25691949140648285</v>
      </c>
      <c r="U116" s="92">
        <v>0.10395200939744402</v>
      </c>
      <c r="V116" s="194">
        <v>2.9960603745281755E-2</v>
      </c>
      <c r="W116" s="92">
        <v>5.3692117528950221E-2</v>
      </c>
    </row>
    <row r="119" spans="1:23" ht="18.75">
      <c r="A119" s="336" t="s">
        <v>417</v>
      </c>
      <c r="B119" s="336"/>
      <c r="C119" s="336"/>
      <c r="D119" s="336"/>
    </row>
    <row r="120" spans="1:23" ht="140.25" customHeight="1">
      <c r="A120" s="389" t="s">
        <v>602</v>
      </c>
      <c r="B120" s="389"/>
      <c r="C120" s="389"/>
      <c r="D120" s="389"/>
    </row>
    <row r="121" spans="1:23" ht="15.75">
      <c r="A121" s="410" t="s">
        <v>418</v>
      </c>
      <c r="B121" s="338"/>
      <c r="C121" s="338"/>
      <c r="D121" s="338"/>
    </row>
    <row r="122" spans="1:23" ht="72">
      <c r="A122" s="32" t="s">
        <v>71</v>
      </c>
      <c r="B122" s="33" t="s">
        <v>72</v>
      </c>
      <c r="C122" s="34" t="s">
        <v>589</v>
      </c>
      <c r="D122" s="35" t="s">
        <v>73</v>
      </c>
    </row>
    <row r="123" spans="1:23" ht="72">
      <c r="A123" s="36"/>
      <c r="B123" s="37" t="s">
        <v>74</v>
      </c>
      <c r="C123" s="123" t="s">
        <v>304</v>
      </c>
      <c r="D123" s="39" t="s">
        <v>76</v>
      </c>
    </row>
    <row r="124" spans="1:23">
      <c r="A124" s="40" t="s">
        <v>349</v>
      </c>
      <c r="B124" s="161">
        <v>12483</v>
      </c>
      <c r="C124" s="162">
        <v>5.0549627128288224</v>
      </c>
      <c r="D124" s="81">
        <v>2.3991524523542411E-2</v>
      </c>
    </row>
    <row r="125" spans="1:23">
      <c r="A125" s="44" t="s">
        <v>350</v>
      </c>
      <c r="B125" s="44">
        <v>8844</v>
      </c>
      <c r="C125" s="164">
        <v>4.8992552294447611</v>
      </c>
      <c r="D125" s="82">
        <v>2.9705474198317244E-2</v>
      </c>
    </row>
    <row r="126" spans="1:23">
      <c r="A126" s="40" t="s">
        <v>351</v>
      </c>
      <c r="B126" s="48">
        <v>3639</v>
      </c>
      <c r="C126" s="162">
        <v>5.1803805066753794</v>
      </c>
      <c r="D126" s="81">
        <v>3.8200202057961007E-2</v>
      </c>
    </row>
    <row r="127" spans="1:23">
      <c r="A127" s="44" t="s">
        <v>533</v>
      </c>
      <c r="B127" s="44">
        <v>2693</v>
      </c>
      <c r="C127" s="164">
        <v>5.1818213585471948</v>
      </c>
      <c r="D127" s="82">
        <v>5.126583973467029E-2</v>
      </c>
    </row>
    <row r="128" spans="1:23">
      <c r="A128" s="40" t="s">
        <v>534</v>
      </c>
      <c r="B128" s="48">
        <v>2025</v>
      </c>
      <c r="C128" s="162">
        <v>5.0017949106583997</v>
      </c>
      <c r="D128" s="81">
        <v>6.0913722121600115E-2</v>
      </c>
    </row>
    <row r="129" spans="1:4">
      <c r="A129" s="44" t="s">
        <v>535</v>
      </c>
      <c r="B129" s="44">
        <v>397</v>
      </c>
      <c r="C129" s="164">
        <v>5.0905422304811196</v>
      </c>
      <c r="D129" s="82">
        <v>0.13308468143971011</v>
      </c>
    </row>
    <row r="130" spans="1:4">
      <c r="A130" s="40" t="s">
        <v>536</v>
      </c>
      <c r="B130" s="48">
        <v>68</v>
      </c>
      <c r="C130" s="162">
        <v>4.8044177683063092</v>
      </c>
      <c r="D130" s="81">
        <v>0.35090278193594543</v>
      </c>
    </row>
    <row r="131" spans="1:4">
      <c r="A131" s="44" t="s">
        <v>537</v>
      </c>
      <c r="B131" s="44">
        <v>98</v>
      </c>
      <c r="C131" s="164">
        <v>4.9176654341434194</v>
      </c>
      <c r="D131" s="82">
        <v>0.28829554010104541</v>
      </c>
    </row>
    <row r="132" spans="1:4">
      <c r="A132" s="40" t="s">
        <v>538</v>
      </c>
      <c r="B132" s="48">
        <v>81</v>
      </c>
      <c r="C132" s="162">
        <v>4.933861369297202</v>
      </c>
      <c r="D132" s="81">
        <v>0.27511725341120224</v>
      </c>
    </row>
    <row r="133" spans="1:4">
      <c r="A133" s="44" t="s">
        <v>539</v>
      </c>
      <c r="B133" s="44">
        <v>150</v>
      </c>
      <c r="C133" s="164">
        <v>5.3674627966611244</v>
      </c>
      <c r="D133" s="82">
        <v>0.19582786210115696</v>
      </c>
    </row>
    <row r="134" spans="1:4">
      <c r="A134" s="40" t="s">
        <v>540</v>
      </c>
      <c r="B134" s="161">
        <v>294</v>
      </c>
      <c r="C134" s="162">
        <v>4.8357250697973502</v>
      </c>
      <c r="D134" s="81">
        <v>0.17327906737833479</v>
      </c>
    </row>
    <row r="135" spans="1:4">
      <c r="A135" s="44" t="s">
        <v>541</v>
      </c>
      <c r="B135" s="163">
        <v>94</v>
      </c>
      <c r="C135" s="164">
        <v>4.6953963844690678</v>
      </c>
      <c r="D135" s="82">
        <v>0.31069997728387294</v>
      </c>
    </row>
    <row r="136" spans="1:4">
      <c r="A136" s="40" t="s">
        <v>542</v>
      </c>
      <c r="B136" s="78">
        <v>87</v>
      </c>
      <c r="C136" s="162">
        <v>5.303599101014381</v>
      </c>
      <c r="D136" s="81">
        <v>0.2946504106853946</v>
      </c>
    </row>
    <row r="137" spans="1:4">
      <c r="A137" s="44" t="s">
        <v>543</v>
      </c>
      <c r="B137" s="163">
        <v>68</v>
      </c>
      <c r="C137" s="164">
        <v>5.044308311432097</v>
      </c>
      <c r="D137" s="82">
        <v>0.29089742247569383</v>
      </c>
    </row>
    <row r="138" spans="1:4">
      <c r="A138" s="52" t="s">
        <v>544</v>
      </c>
      <c r="B138" s="161">
        <v>45</v>
      </c>
      <c r="C138" s="162">
        <v>3.6016322181123153</v>
      </c>
      <c r="D138" s="81">
        <v>0.47717238601035927</v>
      </c>
    </row>
    <row r="139" spans="1:4">
      <c r="A139" s="44" t="s">
        <v>545</v>
      </c>
      <c r="B139" s="163">
        <v>509</v>
      </c>
      <c r="C139" s="164">
        <v>5.0277831387346916</v>
      </c>
      <c r="D139" s="82">
        <v>0.12278979251169218</v>
      </c>
    </row>
    <row r="140" spans="1:4">
      <c r="A140" s="52" t="s">
        <v>546</v>
      </c>
      <c r="B140" s="161">
        <v>53</v>
      </c>
      <c r="C140" s="162">
        <v>4.6134089050158904</v>
      </c>
      <c r="D140" s="81">
        <v>0.36281513158005996</v>
      </c>
    </row>
    <row r="141" spans="1:4">
      <c r="A141" s="44" t="s">
        <v>547</v>
      </c>
      <c r="B141" s="163">
        <v>83</v>
      </c>
      <c r="C141" s="164">
        <v>5.0116338130737743</v>
      </c>
      <c r="D141" s="82">
        <v>0.29343487364791243</v>
      </c>
    </row>
    <row r="142" spans="1:4">
      <c r="A142" s="52" t="s">
        <v>548</v>
      </c>
      <c r="B142" s="161">
        <v>149</v>
      </c>
      <c r="C142" s="162">
        <v>5.0112285857583068</v>
      </c>
      <c r="D142" s="81">
        <v>0.21199622329998</v>
      </c>
    </row>
    <row r="143" spans="1:4">
      <c r="A143" s="44" t="s">
        <v>549</v>
      </c>
      <c r="B143" s="163">
        <v>47</v>
      </c>
      <c r="C143" s="164">
        <v>3.6508705566555131</v>
      </c>
      <c r="D143" s="82">
        <v>0.42253752184637899</v>
      </c>
    </row>
    <row r="144" spans="1:4">
      <c r="A144" s="52" t="s">
        <v>550</v>
      </c>
      <c r="B144" s="161">
        <v>115</v>
      </c>
      <c r="C144" s="162">
        <v>5.3887503281722795</v>
      </c>
      <c r="D144" s="81">
        <v>0.22483780795380695</v>
      </c>
    </row>
    <row r="145" spans="1:34">
      <c r="A145" s="44" t="s">
        <v>551</v>
      </c>
      <c r="B145" s="163">
        <v>62</v>
      </c>
      <c r="C145" s="164">
        <v>5.3705491940315602</v>
      </c>
      <c r="D145" s="82">
        <v>0.34753313550378379</v>
      </c>
    </row>
    <row r="148" spans="1:34" ht="18.75">
      <c r="A148" s="336" t="s">
        <v>510</v>
      </c>
      <c r="B148" s="336"/>
      <c r="C148" s="336"/>
      <c r="D148" s="336"/>
      <c r="E148" s="336"/>
      <c r="F148" s="336"/>
      <c r="G148" s="336"/>
      <c r="H148" s="336"/>
      <c r="I148" s="336"/>
      <c r="J148" s="336"/>
      <c r="K148" s="336"/>
      <c r="L148" s="336"/>
      <c r="M148" s="336"/>
      <c r="N148" s="336"/>
      <c r="O148" s="336"/>
      <c r="P148" s="336"/>
      <c r="Q148" s="336"/>
      <c r="R148" s="336"/>
      <c r="S148" s="336"/>
      <c r="T148" s="336"/>
      <c r="U148" s="336"/>
      <c r="V148" s="336"/>
      <c r="W148" s="336"/>
      <c r="X148" s="336"/>
      <c r="Y148" s="336"/>
      <c r="Z148" s="336"/>
      <c r="AA148" s="336"/>
      <c r="AB148" s="336"/>
      <c r="AC148" s="336"/>
      <c r="AD148" s="336"/>
      <c r="AE148" s="336"/>
      <c r="AF148" s="336"/>
      <c r="AG148" s="336"/>
      <c r="AH148" s="336"/>
    </row>
    <row r="149" spans="1:34" ht="54" customHeight="1">
      <c r="A149" s="415" t="s">
        <v>531</v>
      </c>
      <c r="B149" s="415"/>
      <c r="C149" s="415"/>
      <c r="D149" s="415"/>
      <c r="E149" s="415"/>
      <c r="F149" s="415"/>
      <c r="G149" s="415"/>
      <c r="H149" s="415"/>
      <c r="I149" s="415"/>
      <c r="J149" s="415"/>
      <c r="K149" s="415"/>
      <c r="L149" s="415"/>
      <c r="M149" s="415"/>
      <c r="N149" s="415"/>
      <c r="O149" s="415"/>
      <c r="P149" s="415"/>
      <c r="Q149" s="415"/>
      <c r="R149" s="415"/>
      <c r="S149" s="415"/>
      <c r="T149" s="415"/>
      <c r="U149" s="415"/>
      <c r="V149" s="415"/>
      <c r="W149" s="415"/>
      <c r="X149" s="415"/>
      <c r="Y149" s="415"/>
      <c r="Z149" s="415"/>
      <c r="AA149" s="415"/>
      <c r="AB149" s="415"/>
      <c r="AC149" s="415"/>
      <c r="AD149" s="415"/>
      <c r="AE149" s="415"/>
      <c r="AF149" s="415"/>
      <c r="AG149" s="415"/>
      <c r="AH149" s="415"/>
    </row>
    <row r="150" spans="1:34" ht="37.5" customHeight="1">
      <c r="A150" s="59"/>
      <c r="B150" s="398" t="s">
        <v>237</v>
      </c>
      <c r="C150" s="399"/>
      <c r="D150" s="399"/>
      <c r="E150" s="399"/>
      <c r="F150" s="399"/>
      <c r="G150" s="399"/>
      <c r="H150" s="399"/>
      <c r="I150" s="399"/>
      <c r="J150" s="399"/>
      <c r="K150" s="399"/>
      <c r="L150" s="400"/>
      <c r="M150" s="398" t="s">
        <v>419</v>
      </c>
      <c r="N150" s="399"/>
      <c r="O150" s="399"/>
      <c r="P150" s="399"/>
      <c r="Q150" s="399"/>
      <c r="R150" s="399"/>
      <c r="S150" s="399"/>
      <c r="T150" s="399"/>
      <c r="U150" s="399"/>
      <c r="V150" s="399"/>
      <c r="W150" s="400"/>
      <c r="X150" s="398" t="s">
        <v>576</v>
      </c>
      <c r="Y150" s="399"/>
      <c r="Z150" s="399"/>
      <c r="AA150" s="399"/>
      <c r="AB150" s="399"/>
      <c r="AC150" s="399"/>
      <c r="AD150" s="399"/>
      <c r="AE150" s="399"/>
      <c r="AF150" s="399"/>
      <c r="AG150" s="399"/>
      <c r="AH150" s="400"/>
    </row>
    <row r="151" spans="1:34" ht="39" customHeight="1">
      <c r="A151" s="32" t="s">
        <v>71</v>
      </c>
      <c r="B151" s="33" t="s">
        <v>72</v>
      </c>
      <c r="C151" s="34" t="s">
        <v>589</v>
      </c>
      <c r="D151" s="35" t="s">
        <v>73</v>
      </c>
      <c r="E151" s="33" t="s">
        <v>312</v>
      </c>
      <c r="F151" s="84" t="s">
        <v>143</v>
      </c>
      <c r="G151" s="33" t="s">
        <v>313</v>
      </c>
      <c r="H151" s="84" t="s">
        <v>144</v>
      </c>
      <c r="I151" s="33" t="s">
        <v>314</v>
      </c>
      <c r="J151" s="84" t="s">
        <v>117</v>
      </c>
      <c r="K151" s="33" t="s">
        <v>301</v>
      </c>
      <c r="L151" s="84" t="s">
        <v>315</v>
      </c>
      <c r="M151" s="60" t="s">
        <v>72</v>
      </c>
      <c r="N151" s="61" t="s">
        <v>589</v>
      </c>
      <c r="O151" s="62" t="s">
        <v>73</v>
      </c>
      <c r="P151" s="60" t="s">
        <v>312</v>
      </c>
      <c r="Q151" s="83" t="s">
        <v>143</v>
      </c>
      <c r="R151" s="60" t="s">
        <v>313</v>
      </c>
      <c r="S151" s="83" t="s">
        <v>144</v>
      </c>
      <c r="T151" s="60" t="s">
        <v>314</v>
      </c>
      <c r="U151" s="83" t="s">
        <v>117</v>
      </c>
      <c r="V151" s="60" t="s">
        <v>301</v>
      </c>
      <c r="W151" s="83" t="s">
        <v>315</v>
      </c>
      <c r="X151" s="33" t="s">
        <v>72</v>
      </c>
      <c r="Y151" s="34" t="s">
        <v>589</v>
      </c>
      <c r="Z151" s="35" t="s">
        <v>73</v>
      </c>
      <c r="AA151" s="33" t="s">
        <v>572</v>
      </c>
      <c r="AB151" s="84" t="s">
        <v>325</v>
      </c>
      <c r="AC151" s="33" t="s">
        <v>326</v>
      </c>
      <c r="AD151" s="84" t="s">
        <v>327</v>
      </c>
      <c r="AE151" s="33" t="s">
        <v>299</v>
      </c>
      <c r="AF151" s="84" t="s">
        <v>328</v>
      </c>
      <c r="AG151" s="33" t="s">
        <v>301</v>
      </c>
      <c r="AH151" s="84" t="s">
        <v>315</v>
      </c>
    </row>
    <row r="152" spans="1:34" ht="72">
      <c r="A152" s="36"/>
      <c r="B152" s="37" t="s">
        <v>74</v>
      </c>
      <c r="C152" s="123" t="s">
        <v>304</v>
      </c>
      <c r="D152" s="39" t="s">
        <v>76</v>
      </c>
      <c r="E152" s="37" t="s">
        <v>159</v>
      </c>
      <c r="F152" s="86" t="s">
        <v>88</v>
      </c>
      <c r="G152" s="37" t="s">
        <v>160</v>
      </c>
      <c r="H152" s="86" t="s">
        <v>88</v>
      </c>
      <c r="I152" s="37" t="s">
        <v>161</v>
      </c>
      <c r="J152" s="86" t="s">
        <v>88</v>
      </c>
      <c r="K152" s="37" t="s">
        <v>301</v>
      </c>
      <c r="L152" s="86" t="s">
        <v>88</v>
      </c>
      <c r="M152" s="63" t="s">
        <v>74</v>
      </c>
      <c r="N152" s="254" t="s">
        <v>304</v>
      </c>
      <c r="O152" s="65" t="s">
        <v>76</v>
      </c>
      <c r="P152" s="63" t="s">
        <v>159</v>
      </c>
      <c r="Q152" s="85" t="s">
        <v>88</v>
      </c>
      <c r="R152" s="63" t="s">
        <v>160</v>
      </c>
      <c r="S152" s="85" t="s">
        <v>88</v>
      </c>
      <c r="T152" s="63" t="s">
        <v>161</v>
      </c>
      <c r="U152" s="85" t="s">
        <v>88</v>
      </c>
      <c r="V152" s="63" t="s">
        <v>301</v>
      </c>
      <c r="W152" s="85" t="s">
        <v>88</v>
      </c>
      <c r="X152" s="37" t="s">
        <v>74</v>
      </c>
      <c r="Y152" s="123" t="s">
        <v>575</v>
      </c>
      <c r="Z152" s="39" t="s">
        <v>76</v>
      </c>
      <c r="AA152" s="37" t="s">
        <v>161</v>
      </c>
      <c r="AB152" s="86" t="s">
        <v>88</v>
      </c>
      <c r="AC152" s="37" t="s">
        <v>160</v>
      </c>
      <c r="AD152" s="86" t="s">
        <v>88</v>
      </c>
      <c r="AE152" s="37" t="s">
        <v>159</v>
      </c>
      <c r="AF152" s="86" t="s">
        <v>88</v>
      </c>
      <c r="AG152" s="37" t="s">
        <v>301</v>
      </c>
      <c r="AH152" s="86" t="s">
        <v>88</v>
      </c>
    </row>
    <row r="153" spans="1:34">
      <c r="A153" s="40" t="s">
        <v>349</v>
      </c>
      <c r="B153" s="191">
        <v>12507</v>
      </c>
      <c r="C153" s="79">
        <v>5.2164135226083417</v>
      </c>
      <c r="D153" s="80">
        <v>3.1099185849462325E-2</v>
      </c>
      <c r="E153" s="193">
        <v>0.15514203479273816</v>
      </c>
      <c r="F153" s="89">
        <v>6.4753985732475374E-3</v>
      </c>
      <c r="G153" s="193">
        <v>0.12937531489276466</v>
      </c>
      <c r="H153" s="89">
        <v>6.0033604623443582E-3</v>
      </c>
      <c r="I153" s="193">
        <v>0.70017979214279147</v>
      </c>
      <c r="J153" s="89">
        <v>8.1930521479739241E-3</v>
      </c>
      <c r="K153" s="193">
        <v>1.5302858171722111E-2</v>
      </c>
      <c r="L153" s="89">
        <v>2.2058467541656158E-3</v>
      </c>
      <c r="M153" s="191">
        <v>12545</v>
      </c>
      <c r="N153" s="79">
        <v>5.5809000888620828</v>
      </c>
      <c r="O153" s="80">
        <v>2.8485804559351402E-2</v>
      </c>
      <c r="P153" s="193">
        <v>0.10303000187141914</v>
      </c>
      <c r="Q153" s="89">
        <v>5.4304039339801496E-3</v>
      </c>
      <c r="R153" s="193">
        <v>9.6175631195178579E-2</v>
      </c>
      <c r="S153" s="89">
        <v>5.2669535092441126E-3</v>
      </c>
      <c r="T153" s="193">
        <v>0.78972530671992347</v>
      </c>
      <c r="U153" s="89">
        <v>7.2765735021415937E-3</v>
      </c>
      <c r="V153" s="193">
        <v>1.1069060213482133E-2</v>
      </c>
      <c r="W153" s="89">
        <v>1.8808994286726034E-3</v>
      </c>
      <c r="X153" s="191">
        <v>12649</v>
      </c>
      <c r="Y153" s="79">
        <v>4.3725237357445605</v>
      </c>
      <c r="Z153" s="80">
        <v>3.2709499857835909E-2</v>
      </c>
      <c r="AA153" s="193">
        <v>0.32826221083340862</v>
      </c>
      <c r="AB153" s="89">
        <v>8.3495282238207486E-3</v>
      </c>
      <c r="AC153" s="193">
        <v>0.18179873847710692</v>
      </c>
      <c r="AD153" s="89">
        <v>6.8588636118216547E-3</v>
      </c>
      <c r="AE153" s="193">
        <v>0.47107177962861668</v>
      </c>
      <c r="AF153" s="89">
        <v>8.8751482471448907E-3</v>
      </c>
      <c r="AG153" s="193">
        <v>1.8867271060888372E-2</v>
      </c>
      <c r="AH153" s="89">
        <v>2.4286310416995554E-3</v>
      </c>
    </row>
    <row r="154" spans="1:34">
      <c r="A154" s="44" t="s">
        <v>350</v>
      </c>
      <c r="B154" s="44">
        <v>8846</v>
      </c>
      <c r="C154" s="175">
        <v>4.980654228510824</v>
      </c>
      <c r="D154" s="127">
        <v>3.8495679022687593E-2</v>
      </c>
      <c r="E154" s="194">
        <v>0.20884742389537184</v>
      </c>
      <c r="F154" s="92">
        <v>8.6437799902133374E-3</v>
      </c>
      <c r="G154" s="194">
        <v>0.13464180845957277</v>
      </c>
      <c r="H154" s="92">
        <v>7.2605747687886713E-3</v>
      </c>
      <c r="I154" s="194">
        <v>0.64666464982328042</v>
      </c>
      <c r="J154" s="92">
        <v>1.0162719522046558E-2</v>
      </c>
      <c r="K154" s="194">
        <v>9.8461178217776994E-3</v>
      </c>
      <c r="L154" s="92">
        <v>2.1223905715983872E-3</v>
      </c>
      <c r="M154" s="44">
        <v>8864</v>
      </c>
      <c r="N154" s="175">
        <v>5.450885009369423</v>
      </c>
      <c r="O154" s="127">
        <v>3.5784229781252008E-2</v>
      </c>
      <c r="P154" s="194">
        <v>0.14196441125623155</v>
      </c>
      <c r="Q154" s="92">
        <v>7.4159288450063188E-3</v>
      </c>
      <c r="R154" s="194">
        <v>9.5155634138057194E-2</v>
      </c>
      <c r="S154" s="92">
        <v>6.2372599105135814E-3</v>
      </c>
      <c r="T154" s="194">
        <v>0.75722761678665496</v>
      </c>
      <c r="U154" s="92">
        <v>9.1075275911893065E-3</v>
      </c>
      <c r="V154" s="194">
        <v>5.6523378190561305E-3</v>
      </c>
      <c r="W154" s="92">
        <v>1.6231299091540978E-3</v>
      </c>
      <c r="X154" s="44">
        <v>8863</v>
      </c>
      <c r="Y154" s="175">
        <v>4.2571311641492038</v>
      </c>
      <c r="Z154" s="127">
        <v>3.9404799036750073E-2</v>
      </c>
      <c r="AA154" s="194">
        <v>0.35071228973515423</v>
      </c>
      <c r="AB154" s="92">
        <v>1.0135726767912743E-2</v>
      </c>
      <c r="AC154" s="194">
        <v>0.18304893564791436</v>
      </c>
      <c r="AD154" s="92">
        <v>8.2158936193938992E-3</v>
      </c>
      <c r="AE154" s="194">
        <v>0.45320453745019956</v>
      </c>
      <c r="AF154" s="92">
        <v>1.0573114806457366E-2</v>
      </c>
      <c r="AG154" s="194">
        <v>1.3034237166735687E-2</v>
      </c>
      <c r="AH154" s="92">
        <v>2.4289378411923349E-3</v>
      </c>
    </row>
    <row r="155" spans="1:34">
      <c r="A155" s="40" t="s">
        <v>351</v>
      </c>
      <c r="B155" s="48">
        <v>3661</v>
      </c>
      <c r="C155" s="79">
        <v>5.4069519698716695</v>
      </c>
      <c r="D155" s="80">
        <v>4.9309312593663245E-2</v>
      </c>
      <c r="E155" s="193">
        <v>0.11216844611282635</v>
      </c>
      <c r="F155" s="89">
        <v>1.0442584156095225E-2</v>
      </c>
      <c r="G155" s="193">
        <v>0.12516121027296337</v>
      </c>
      <c r="H155" s="89">
        <v>1.0947096306451938E-2</v>
      </c>
      <c r="I155" s="193">
        <v>0.74300115053178994</v>
      </c>
      <c r="J155" s="89">
        <v>1.4441083749334883E-2</v>
      </c>
      <c r="K155" s="193">
        <v>1.9669193082421602E-2</v>
      </c>
      <c r="L155" s="89">
        <v>4.6469522710023857E-3</v>
      </c>
      <c r="M155" s="48">
        <v>3681</v>
      </c>
      <c r="N155" s="79">
        <v>5.6857423297410836</v>
      </c>
      <c r="O155" s="80">
        <v>4.3552056733459819E-2</v>
      </c>
      <c r="P155" s="193">
        <v>7.1941465290275897E-2</v>
      </c>
      <c r="Q155" s="89">
        <v>8.5384258429894548E-3</v>
      </c>
      <c r="R155" s="193">
        <v>9.6990083406574515E-2</v>
      </c>
      <c r="S155" s="89">
        <v>9.769968500570176E-3</v>
      </c>
      <c r="T155" s="193">
        <v>0.8156742202454258</v>
      </c>
      <c r="U155" s="89">
        <v>1.2784234109185591E-2</v>
      </c>
      <c r="V155" s="193">
        <v>1.5394231057724186E-2</v>
      </c>
      <c r="W155" s="89">
        <v>4.1238370520265202E-3</v>
      </c>
      <c r="X155" s="48">
        <v>3786</v>
      </c>
      <c r="Y155" s="79">
        <v>4.4631843282467774</v>
      </c>
      <c r="Z155" s="80">
        <v>5.8081977406013091E-2</v>
      </c>
      <c r="AA155" s="193">
        <v>0.31080912089189833</v>
      </c>
      <c r="AB155" s="89">
        <v>1.5038466922709192E-2</v>
      </c>
      <c r="AC155" s="193">
        <v>0.18082681299914533</v>
      </c>
      <c r="AD155" s="89">
        <v>1.2512511752612167E-2</v>
      </c>
      <c r="AE155" s="193">
        <v>0.48496209093268411</v>
      </c>
      <c r="AF155" s="89">
        <v>1.6236196520193955E-2</v>
      </c>
      <c r="AG155" s="193">
        <v>2.3401975176272394E-2</v>
      </c>
      <c r="AH155" s="89">
        <v>4.9625013790381449E-3</v>
      </c>
    </row>
    <row r="156" spans="1:34">
      <c r="A156" s="44" t="s">
        <v>533</v>
      </c>
      <c r="B156" s="44">
        <v>2693</v>
      </c>
      <c r="C156" s="175">
        <v>5.4532598982369551</v>
      </c>
      <c r="D156" s="127">
        <v>6.6529116012069359E-2</v>
      </c>
      <c r="E156" s="194">
        <v>0.13076742886574133</v>
      </c>
      <c r="F156" s="92">
        <v>1.3007023377197171E-2</v>
      </c>
      <c r="G156" s="194">
        <v>9.8437738350587042E-2</v>
      </c>
      <c r="H156" s="92">
        <v>1.1503620118141187E-2</v>
      </c>
      <c r="I156" s="194">
        <v>0.75312078012461581</v>
      </c>
      <c r="J156" s="92">
        <v>1.6614442985409233E-2</v>
      </c>
      <c r="K156" s="194">
        <v>1.7674052659051358E-2</v>
      </c>
      <c r="L156" s="92">
        <v>5.1741971636283558E-3</v>
      </c>
      <c r="M156" s="44">
        <v>2703</v>
      </c>
      <c r="N156" s="175">
        <v>5.6830941976098233</v>
      </c>
      <c r="O156" s="127">
        <v>6.0959750153861784E-2</v>
      </c>
      <c r="P156" s="194">
        <v>0.10178232636405679</v>
      </c>
      <c r="Q156" s="92">
        <v>1.1652585918143735E-2</v>
      </c>
      <c r="R156" s="194">
        <v>7.8773598919751636E-2</v>
      </c>
      <c r="S156" s="92">
        <v>1.039253914250423E-2</v>
      </c>
      <c r="T156" s="194">
        <v>0.80666737684961087</v>
      </c>
      <c r="U156" s="92">
        <v>1.5193997102148754E-2</v>
      </c>
      <c r="V156" s="194">
        <v>1.2776697866578302E-2</v>
      </c>
      <c r="W156" s="92">
        <v>4.4355557469727049E-3</v>
      </c>
      <c r="X156" s="44">
        <v>2717</v>
      </c>
      <c r="Y156" s="175">
        <v>4.4092612290528539</v>
      </c>
      <c r="Z156" s="127">
        <v>7.076457701224427E-2</v>
      </c>
      <c r="AA156" s="194">
        <v>0.33040390882252735</v>
      </c>
      <c r="AB156" s="92">
        <v>1.8037556034053891E-2</v>
      </c>
      <c r="AC156" s="194">
        <v>0.17017919136948703</v>
      </c>
      <c r="AD156" s="92">
        <v>1.4424540519551322E-2</v>
      </c>
      <c r="AE156" s="194">
        <v>0.47735965978429412</v>
      </c>
      <c r="AF156" s="92">
        <v>1.915099562677218E-2</v>
      </c>
      <c r="AG156" s="194">
        <v>2.2057240023684376E-2</v>
      </c>
      <c r="AH156" s="92">
        <v>5.7180897570449024E-3</v>
      </c>
    </row>
    <row r="157" spans="1:34">
      <c r="A157" s="40" t="s">
        <v>534</v>
      </c>
      <c r="B157" s="48">
        <v>2019</v>
      </c>
      <c r="C157" s="79">
        <v>5.152708299092974</v>
      </c>
      <c r="D157" s="80">
        <v>7.9400099771110969E-2</v>
      </c>
      <c r="E157" s="193">
        <v>0.19018977292345279</v>
      </c>
      <c r="F157" s="89">
        <v>1.7472345918706254E-2</v>
      </c>
      <c r="G157" s="193">
        <v>0.11475903184020415</v>
      </c>
      <c r="H157" s="89">
        <v>1.4213658770617326E-2</v>
      </c>
      <c r="I157" s="193">
        <v>0.68754698998225416</v>
      </c>
      <c r="J157" s="89">
        <v>2.0616551232590069E-2</v>
      </c>
      <c r="K157" s="193">
        <v>7.5042052540889304E-3</v>
      </c>
      <c r="L157" s="89">
        <v>4.0768984388780873E-3</v>
      </c>
      <c r="M157" s="48">
        <v>2024</v>
      </c>
      <c r="N157" s="79">
        <v>5.4849174919958887</v>
      </c>
      <c r="O157" s="80">
        <v>7.3036300020323505E-2</v>
      </c>
      <c r="P157" s="193">
        <v>0.15316377291170308</v>
      </c>
      <c r="Q157" s="89">
        <v>1.6023817426634175E-2</v>
      </c>
      <c r="R157" s="193">
        <v>8.4461137835249389E-2</v>
      </c>
      <c r="S157" s="89">
        <v>1.2404104454379295E-2</v>
      </c>
      <c r="T157" s="193">
        <v>0.76047045413207937</v>
      </c>
      <c r="U157" s="89">
        <v>1.896859811163714E-2</v>
      </c>
      <c r="V157" s="193">
        <v>1.9046351209680713E-3</v>
      </c>
      <c r="W157" s="89">
        <v>2.3828515208765377E-3</v>
      </c>
      <c r="X157" s="48">
        <v>2018</v>
      </c>
      <c r="Y157" s="79">
        <v>4.3573103298523357</v>
      </c>
      <c r="Z157" s="80">
        <v>8.248464445256011E-2</v>
      </c>
      <c r="AA157" s="193">
        <v>0.34497372290171979</v>
      </c>
      <c r="AB157" s="89">
        <v>2.114720887272345E-2</v>
      </c>
      <c r="AC157" s="193">
        <v>0.1584677058621623</v>
      </c>
      <c r="AD157" s="89">
        <v>1.6270265385594843E-2</v>
      </c>
      <c r="AE157" s="193">
        <v>0.48759771308291389</v>
      </c>
      <c r="AF157" s="89">
        <v>2.2231886068436929E-2</v>
      </c>
      <c r="AG157" s="193">
        <v>8.9608581532034468E-3</v>
      </c>
      <c r="AH157" s="89">
        <v>4.4105801897865423E-3</v>
      </c>
    </row>
    <row r="158" spans="1:34">
      <c r="A158" s="44" t="s">
        <v>535</v>
      </c>
      <c r="B158" s="44">
        <v>394</v>
      </c>
      <c r="C158" s="175">
        <v>5.2127741670203172</v>
      </c>
      <c r="D158" s="127">
        <v>0.17885728617655622</v>
      </c>
      <c r="E158" s="194">
        <v>0.17630079588543826</v>
      </c>
      <c r="F158" s="92">
        <v>3.8477872755380858E-2</v>
      </c>
      <c r="G158" s="194">
        <v>0.10975040216222023</v>
      </c>
      <c r="H158" s="92">
        <v>3.1820961051834358E-2</v>
      </c>
      <c r="I158" s="194">
        <v>0.70801291910145825</v>
      </c>
      <c r="J158" s="92">
        <v>4.5677038767829907E-2</v>
      </c>
      <c r="K158" s="194">
        <v>5.9358828508851947E-3</v>
      </c>
      <c r="L158" s="92">
        <v>1.0409944947148355E-2</v>
      </c>
      <c r="M158" s="44">
        <v>395</v>
      </c>
      <c r="N158" s="175">
        <v>5.6666735010134586</v>
      </c>
      <c r="O158" s="127">
        <v>0.15741391360701862</v>
      </c>
      <c r="P158" s="194">
        <v>0.10874007592102392</v>
      </c>
      <c r="Q158" s="92">
        <v>3.1657573659862222E-2</v>
      </c>
      <c r="R158" s="194">
        <v>7.5341337868905386E-2</v>
      </c>
      <c r="S158" s="92">
        <v>2.7100968845085158E-2</v>
      </c>
      <c r="T158" s="194">
        <v>0.81380904547444577</v>
      </c>
      <c r="U158" s="92">
        <v>3.9226665324516831E-2</v>
      </c>
      <c r="V158" s="194">
        <v>2.1095407356258433E-3</v>
      </c>
      <c r="W158" s="92">
        <v>8.4072415779610585E-3</v>
      </c>
      <c r="X158" s="44">
        <v>399</v>
      </c>
      <c r="Y158" s="175">
        <v>4.3686380201083432</v>
      </c>
      <c r="Z158" s="127">
        <v>0.17965186620658433</v>
      </c>
      <c r="AA158" s="194">
        <v>0.31937380295070011</v>
      </c>
      <c r="AB158" s="92">
        <v>4.6518346312147386E-2</v>
      </c>
      <c r="AC158" s="194">
        <v>0.18154346647359612</v>
      </c>
      <c r="AD158" s="92">
        <v>3.8661043743068259E-2</v>
      </c>
      <c r="AE158" s="194">
        <v>0.48787576760449708</v>
      </c>
      <c r="AF158" s="92">
        <v>4.9799190458702652E-2</v>
      </c>
      <c r="AG158" s="194">
        <v>1.1206962971210486E-2</v>
      </c>
      <c r="AH158" s="92">
        <v>1.2523181927691042E-2</v>
      </c>
    </row>
    <row r="159" spans="1:34">
      <c r="A159" s="40" t="s">
        <v>536</v>
      </c>
      <c r="B159" s="48">
        <v>68</v>
      </c>
      <c r="C159" s="79">
        <v>4.9485042052735952</v>
      </c>
      <c r="D159" s="80">
        <v>0.43555327098048324</v>
      </c>
      <c r="E159" s="193">
        <v>0.2128642612156231</v>
      </c>
      <c r="F159" s="89">
        <v>9.9011607610225039E-2</v>
      </c>
      <c r="G159" s="193">
        <v>0.13641250102138167</v>
      </c>
      <c r="H159" s="89">
        <v>8.5662304875558107E-2</v>
      </c>
      <c r="I159" s="193">
        <v>0.65072323776299479</v>
      </c>
      <c r="J159" s="89">
        <v>0.1129740766526693</v>
      </c>
      <c r="K159" s="193">
        <v>0</v>
      </c>
      <c r="L159" s="89">
        <v>3.8734260487688681E-2</v>
      </c>
      <c r="M159" s="48">
        <v>68</v>
      </c>
      <c r="N159" s="79">
        <v>5.4302007858759769</v>
      </c>
      <c r="O159" s="80">
        <v>0.42935984748752315</v>
      </c>
      <c r="P159" s="193">
        <v>0.16627712136711939</v>
      </c>
      <c r="Q159" s="89">
        <v>9.1487659710449309E-2</v>
      </c>
      <c r="R159" s="193">
        <v>2.6566711104922064E-2</v>
      </c>
      <c r="S159" s="89">
        <v>5.2743338599880993E-2</v>
      </c>
      <c r="T159" s="193">
        <v>0.80715616752795838</v>
      </c>
      <c r="U159" s="89">
        <v>9.5988039957697127E-2</v>
      </c>
      <c r="V159" s="193">
        <v>0</v>
      </c>
      <c r="W159" s="89">
        <v>3.8734260487688681E-2</v>
      </c>
      <c r="X159" s="48">
        <v>68</v>
      </c>
      <c r="Y159" s="79">
        <v>4.0345483137693572</v>
      </c>
      <c r="Z159" s="80">
        <v>0.46003232744232248</v>
      </c>
      <c r="AA159" s="193">
        <v>0.43221619452868465</v>
      </c>
      <c r="AB159" s="89">
        <v>0.11688115776922126</v>
      </c>
      <c r="AC159" s="193">
        <v>0.12215920547393205</v>
      </c>
      <c r="AD159" s="89">
        <v>8.254908807275213E-2</v>
      </c>
      <c r="AE159" s="193">
        <v>0.44562459999738258</v>
      </c>
      <c r="AF159" s="89">
        <v>0.11722786708056372</v>
      </c>
      <c r="AG159" s="193">
        <v>0</v>
      </c>
      <c r="AH159" s="89">
        <v>3.8734260487688681E-2</v>
      </c>
    </row>
    <row r="160" spans="1:34">
      <c r="A160" s="44" t="s">
        <v>537</v>
      </c>
      <c r="B160" s="44">
        <v>97</v>
      </c>
      <c r="C160" s="175">
        <v>5.0818771230365494</v>
      </c>
      <c r="D160" s="127">
        <v>0.38395075819271474</v>
      </c>
      <c r="E160" s="194">
        <v>0.22254393273514772</v>
      </c>
      <c r="F160" s="92">
        <v>8.4195660974523551E-2</v>
      </c>
      <c r="G160" s="194">
        <v>0.12174754238363189</v>
      </c>
      <c r="H160" s="92">
        <v>6.837095559690233E-2</v>
      </c>
      <c r="I160" s="194">
        <v>0.65570852488122</v>
      </c>
      <c r="J160" s="92">
        <v>9.494912340861035E-2</v>
      </c>
      <c r="K160" s="194">
        <v>0</v>
      </c>
      <c r="L160" s="92">
        <v>2.7725572981612018E-2</v>
      </c>
      <c r="M160" s="44">
        <v>97</v>
      </c>
      <c r="N160" s="175">
        <v>5.4884670406515728</v>
      </c>
      <c r="O160" s="127">
        <v>0.33500551626716429</v>
      </c>
      <c r="P160" s="194">
        <v>0.11452854031446583</v>
      </c>
      <c r="Q160" s="92">
        <v>6.6881915462662811E-2</v>
      </c>
      <c r="R160" s="194">
        <v>0.11656759497283867</v>
      </c>
      <c r="S160" s="92">
        <v>6.7308709236434353E-2</v>
      </c>
      <c r="T160" s="194">
        <v>0.7689038647126949</v>
      </c>
      <c r="U160" s="92">
        <v>8.5203254881244528E-2</v>
      </c>
      <c r="V160" s="194">
        <v>0</v>
      </c>
      <c r="W160" s="92">
        <v>2.7725572981612018E-2</v>
      </c>
      <c r="X160" s="44">
        <v>98</v>
      </c>
      <c r="Y160" s="175">
        <v>4.0927952325192658</v>
      </c>
      <c r="Z160" s="127">
        <v>0.35491682270608799</v>
      </c>
      <c r="AA160" s="194">
        <v>0.37595208571961608</v>
      </c>
      <c r="AB160" s="92">
        <v>9.6160679122927736E-2</v>
      </c>
      <c r="AC160" s="194">
        <v>0.20292543825218765</v>
      </c>
      <c r="AD160" s="92">
        <v>8.129655462401407E-2</v>
      </c>
      <c r="AE160" s="194">
        <v>0.39892224604574233</v>
      </c>
      <c r="AF160" s="92">
        <v>9.7129161318833895E-2</v>
      </c>
      <c r="AG160" s="194">
        <v>2.2200229982453138E-2</v>
      </c>
      <c r="AH160" s="92">
        <v>3.9238635889651388E-2</v>
      </c>
    </row>
    <row r="161" spans="1:34">
      <c r="A161" s="40" t="s">
        <v>538</v>
      </c>
      <c r="B161" s="48">
        <v>80</v>
      </c>
      <c r="C161" s="79">
        <v>5.0294198542962434</v>
      </c>
      <c r="D161" s="80">
        <v>0.37993760003481264</v>
      </c>
      <c r="E161" s="193">
        <v>0.20552051929326981</v>
      </c>
      <c r="F161" s="89">
        <v>9.0328519049909697E-2</v>
      </c>
      <c r="G161" s="193">
        <v>7.4766848408642353E-2</v>
      </c>
      <c r="H161" s="89">
        <v>6.398958140135462E-2</v>
      </c>
      <c r="I161" s="193">
        <v>0.70893406011158722</v>
      </c>
      <c r="J161" s="89">
        <v>0.10009639205388181</v>
      </c>
      <c r="K161" s="193">
        <v>1.0778572186500303E-2</v>
      </c>
      <c r="L161" s="89">
        <v>3.95894024839284E-2</v>
      </c>
      <c r="M161" s="48">
        <v>80</v>
      </c>
      <c r="N161" s="79">
        <v>5.4063123502190455</v>
      </c>
      <c r="O161" s="80">
        <v>0.36100051282561141</v>
      </c>
      <c r="P161" s="193">
        <v>0.20607702758763191</v>
      </c>
      <c r="Q161" s="89">
        <v>9.0406772817937742E-2</v>
      </c>
      <c r="R161" s="193">
        <v>3.110511779713233E-2</v>
      </c>
      <c r="S161" s="89">
        <v>4.9076379936363504E-2</v>
      </c>
      <c r="T161" s="193">
        <v>0.75205213105673496</v>
      </c>
      <c r="U161" s="89">
        <v>9.5711910537819855E-2</v>
      </c>
      <c r="V161" s="193">
        <v>1.0765723558500672E-2</v>
      </c>
      <c r="W161" s="89">
        <v>3.9582543990772677E-2</v>
      </c>
      <c r="X161" s="48">
        <v>81</v>
      </c>
      <c r="Y161" s="79">
        <v>4.337643780359107</v>
      </c>
      <c r="Z161" s="80">
        <v>0.39918236558815201</v>
      </c>
      <c r="AA161" s="193">
        <v>0.31048544713843601</v>
      </c>
      <c r="AB161" s="89">
        <v>0.10114288203833195</v>
      </c>
      <c r="AC161" s="193">
        <v>0.1871475120671155</v>
      </c>
      <c r="AD161" s="89">
        <v>8.7074948763082152E-2</v>
      </c>
      <c r="AE161" s="193">
        <v>0.48089252347766454</v>
      </c>
      <c r="AF161" s="89">
        <v>0.10839328344049441</v>
      </c>
      <c r="AG161" s="193">
        <v>2.1474517316783466E-2</v>
      </c>
      <c r="AH161" s="89">
        <v>4.448817292841966E-2</v>
      </c>
    </row>
    <row r="162" spans="1:34">
      <c r="A162" s="44" t="s">
        <v>539</v>
      </c>
      <c r="B162" s="44">
        <v>149</v>
      </c>
      <c r="C162" s="175">
        <v>5.4719848284828432</v>
      </c>
      <c r="D162" s="127">
        <v>0.2792030406344877</v>
      </c>
      <c r="E162" s="194">
        <v>0.12317066027569019</v>
      </c>
      <c r="F162" s="92">
        <v>5.4909895714928401E-2</v>
      </c>
      <c r="G162" s="194">
        <v>0.10964175147594998</v>
      </c>
      <c r="H162" s="92">
        <v>5.2514260875710962E-2</v>
      </c>
      <c r="I162" s="194">
        <v>0.75802188507699497</v>
      </c>
      <c r="J162" s="92">
        <v>6.989446083808476E-2</v>
      </c>
      <c r="K162" s="194">
        <v>9.1657031713648068E-3</v>
      </c>
      <c r="L162" s="92">
        <v>2.371622074243802E-2</v>
      </c>
      <c r="M162" s="44">
        <v>150</v>
      </c>
      <c r="N162" s="175">
        <v>5.9749032053127653</v>
      </c>
      <c r="O162" s="127">
        <v>0.21813557483409907</v>
      </c>
      <c r="P162" s="194">
        <v>3.8410505136699864E-2</v>
      </c>
      <c r="Q162" s="92">
        <v>3.5257751666757611E-2</v>
      </c>
      <c r="R162" s="194">
        <v>9.1224799424365774E-2</v>
      </c>
      <c r="S162" s="92">
        <v>4.8742758496546655E-2</v>
      </c>
      <c r="T162" s="194">
        <v>0.87036469543893402</v>
      </c>
      <c r="U162" s="92">
        <v>5.5797212913978295E-2</v>
      </c>
      <c r="V162" s="194">
        <v>0</v>
      </c>
      <c r="W162" s="92">
        <v>1.8246757748421008E-2</v>
      </c>
      <c r="X162" s="44">
        <v>152</v>
      </c>
      <c r="Y162" s="175">
        <v>4.655838578754552</v>
      </c>
      <c r="Z162" s="127">
        <v>0.27965282922935736</v>
      </c>
      <c r="AA162" s="194">
        <v>0.25080529098878623</v>
      </c>
      <c r="AB162" s="92">
        <v>6.9990051103567444E-2</v>
      </c>
      <c r="AC162" s="194">
        <v>0.18893397264818723</v>
      </c>
      <c r="AD162" s="92">
        <v>6.3677163887841642E-2</v>
      </c>
      <c r="AE162" s="194">
        <v>0.55580289990049803</v>
      </c>
      <c r="AF162" s="92">
        <v>7.9589278928222665E-2</v>
      </c>
      <c r="AG162" s="194">
        <v>4.4578364625279697E-3</v>
      </c>
      <c r="AH162" s="92">
        <v>2.0797831073015766E-2</v>
      </c>
    </row>
    <row r="163" spans="1:34">
      <c r="A163" s="40" t="s">
        <v>540</v>
      </c>
      <c r="B163" s="191">
        <v>295</v>
      </c>
      <c r="C163" s="79">
        <v>4.9712137468360611</v>
      </c>
      <c r="D163" s="80">
        <v>0.22653043809848863</v>
      </c>
      <c r="E163" s="193">
        <v>0.25550921437460639</v>
      </c>
      <c r="F163" s="89">
        <v>5.0656282730583473E-2</v>
      </c>
      <c r="G163" s="193">
        <v>9.1959207679487912E-2</v>
      </c>
      <c r="H163" s="89">
        <v>3.4297087038590163E-2</v>
      </c>
      <c r="I163" s="193">
        <v>0.64763783661921503</v>
      </c>
      <c r="J163" s="89">
        <v>5.532299366511842E-2</v>
      </c>
      <c r="K163" s="193">
        <v>4.8937413266890387E-3</v>
      </c>
      <c r="L163" s="89">
        <v>1.2341077879402914E-2</v>
      </c>
      <c r="M163" s="191">
        <v>295</v>
      </c>
      <c r="N163" s="79">
        <v>5.3512443464904589</v>
      </c>
      <c r="O163" s="80">
        <v>0.20103818639542129</v>
      </c>
      <c r="P163" s="193">
        <v>0.17645862949646202</v>
      </c>
      <c r="Q163" s="89">
        <v>4.4511923725899454E-2</v>
      </c>
      <c r="R163" s="193">
        <v>9.578658893140983E-2</v>
      </c>
      <c r="S163" s="89">
        <v>3.4882291321366735E-2</v>
      </c>
      <c r="T163" s="193">
        <v>0.72775478157212692</v>
      </c>
      <c r="U163" s="89">
        <v>5.1662185699593202E-2</v>
      </c>
      <c r="V163" s="193">
        <v>0</v>
      </c>
      <c r="W163" s="89">
        <v>9.4279318741167257E-3</v>
      </c>
      <c r="X163" s="191">
        <v>294</v>
      </c>
      <c r="Y163" s="79">
        <v>4.1659142881894846</v>
      </c>
      <c r="Z163" s="80">
        <v>0.21994665244391401</v>
      </c>
      <c r="AA163" s="193">
        <v>0.37327963774342754</v>
      </c>
      <c r="AB163" s="89">
        <v>5.6088394422639194E-2</v>
      </c>
      <c r="AC163" s="193">
        <v>0.14895531990440145</v>
      </c>
      <c r="AD163" s="89">
        <v>4.1781419238347002E-2</v>
      </c>
      <c r="AE163" s="193">
        <v>0.46636785985682672</v>
      </c>
      <c r="AF163" s="89">
        <v>5.7800750211502348E-2</v>
      </c>
      <c r="AG163" s="193">
        <v>1.1397182495342481E-2</v>
      </c>
      <c r="AH163" s="89">
        <v>1.5384645732179682E-2</v>
      </c>
    </row>
    <row r="164" spans="1:34">
      <c r="A164" s="44" t="s">
        <v>541</v>
      </c>
      <c r="B164" s="192">
        <v>94</v>
      </c>
      <c r="C164" s="175">
        <v>4.6485743947955678</v>
      </c>
      <c r="D164" s="127">
        <v>0.40162195600977912</v>
      </c>
      <c r="E164" s="194">
        <v>0.28838257679809748</v>
      </c>
      <c r="F164" s="92">
        <v>9.2316918384925742E-2</v>
      </c>
      <c r="G164" s="194">
        <v>8.6300411856837386E-2</v>
      </c>
      <c r="H164" s="92">
        <v>6.1458044814055764E-2</v>
      </c>
      <c r="I164" s="194">
        <v>0.62447878674779944</v>
      </c>
      <c r="J164" s="92">
        <v>9.8092857472404413E-2</v>
      </c>
      <c r="K164" s="194">
        <v>8.3822459726595386E-4</v>
      </c>
      <c r="L164" s="92">
        <v>2.9110779448101219E-2</v>
      </c>
      <c r="M164" s="192">
        <v>94</v>
      </c>
      <c r="N164" s="175">
        <v>5.0974138938532896</v>
      </c>
      <c r="O164" s="127">
        <v>0.35779575737885155</v>
      </c>
      <c r="P164" s="194">
        <v>0.17944097610542514</v>
      </c>
      <c r="Q164" s="92">
        <v>7.9657208285683498E-2</v>
      </c>
      <c r="R164" s="194">
        <v>0.13877920711929678</v>
      </c>
      <c r="S164" s="92">
        <v>7.2830142938307973E-2</v>
      </c>
      <c r="T164" s="194">
        <v>0.68177981677527844</v>
      </c>
      <c r="U164" s="92">
        <v>9.4674201677778277E-2</v>
      </c>
      <c r="V164" s="194">
        <v>0</v>
      </c>
      <c r="W164" s="92">
        <v>2.8565478049949598E-2</v>
      </c>
      <c r="X164" s="192">
        <v>94</v>
      </c>
      <c r="Y164" s="175">
        <v>4.3174491660716603</v>
      </c>
      <c r="Z164" s="127">
        <v>0.3537088643767558</v>
      </c>
      <c r="AA164" s="194">
        <v>0.28915486786714129</v>
      </c>
      <c r="AB164" s="92">
        <v>9.2383252876913041E-2</v>
      </c>
      <c r="AC164" s="194">
        <v>0.19155636139234603</v>
      </c>
      <c r="AD164" s="92">
        <v>8.1433671552011963E-2</v>
      </c>
      <c r="AE164" s="194">
        <v>0.50540348209027741</v>
      </c>
      <c r="AF164" s="92">
        <v>0.10100982720789736</v>
      </c>
      <c r="AG164" s="194">
        <v>1.3885288650235354E-2</v>
      </c>
      <c r="AH164" s="92">
        <v>3.6471523574485229E-2</v>
      </c>
    </row>
    <row r="165" spans="1:34">
      <c r="A165" s="40" t="s">
        <v>542</v>
      </c>
      <c r="B165" s="49">
        <v>88</v>
      </c>
      <c r="C165" s="79">
        <v>5.6747274675107731</v>
      </c>
      <c r="D165" s="80">
        <v>0.33699057579152419</v>
      </c>
      <c r="E165" s="193">
        <v>0.11286385892160324</v>
      </c>
      <c r="F165" s="89">
        <v>7.0054279465520897E-2</v>
      </c>
      <c r="G165" s="193">
        <v>8.9577899946021625E-2</v>
      </c>
      <c r="H165" s="89">
        <v>6.4566373044111641E-2</v>
      </c>
      <c r="I165" s="193">
        <v>0.78336998078647369</v>
      </c>
      <c r="J165" s="89">
        <v>8.7608849850329656E-2</v>
      </c>
      <c r="K165" s="193">
        <v>1.4188260345901749E-2</v>
      </c>
      <c r="L165" s="89">
        <v>3.848414568362156E-2</v>
      </c>
      <c r="M165" s="49">
        <v>88</v>
      </c>
      <c r="N165" s="79">
        <v>5.6167927871683494</v>
      </c>
      <c r="O165" s="80">
        <v>0.36333566459633998</v>
      </c>
      <c r="P165" s="193">
        <v>0.15363953234863911</v>
      </c>
      <c r="Q165" s="89">
        <v>7.8085637890879217E-2</v>
      </c>
      <c r="R165" s="193">
        <v>7.5764139721091278E-2</v>
      </c>
      <c r="S165" s="89">
        <v>6.0911128443517766E-2</v>
      </c>
      <c r="T165" s="193">
        <v>0.77059632793026989</v>
      </c>
      <c r="U165" s="89">
        <v>8.9200890415148351E-2</v>
      </c>
      <c r="V165" s="193">
        <v>0</v>
      </c>
      <c r="W165" s="89">
        <v>3.0407765486097187E-2</v>
      </c>
      <c r="X165" s="49">
        <v>87</v>
      </c>
      <c r="Y165" s="79">
        <v>4.5718951075984604</v>
      </c>
      <c r="Z165" s="80">
        <v>0.4114131832863116</v>
      </c>
      <c r="AA165" s="193">
        <v>0.30825840112437181</v>
      </c>
      <c r="AB165" s="89">
        <v>9.7529076775684106E-2</v>
      </c>
      <c r="AC165" s="193">
        <v>0.13256834094299508</v>
      </c>
      <c r="AD165" s="89">
        <v>7.4598349472831935E-2</v>
      </c>
      <c r="AE165" s="193">
        <v>0.53760345310795865</v>
      </c>
      <c r="AF165" s="89">
        <v>0.10455716301044644</v>
      </c>
      <c r="AG165" s="193">
        <v>2.1569804824675055E-2</v>
      </c>
      <c r="AH165" s="89">
        <v>4.2340829942109075E-2</v>
      </c>
    </row>
    <row r="166" spans="1:34">
      <c r="A166" s="44" t="s">
        <v>543</v>
      </c>
      <c r="B166" s="192">
        <v>67</v>
      </c>
      <c r="C166" s="175">
        <v>5.4632924872553392</v>
      </c>
      <c r="D166" s="127">
        <v>0.42539245355924066</v>
      </c>
      <c r="E166" s="194">
        <v>0.20030980213933045</v>
      </c>
      <c r="F166" s="92">
        <v>9.7870460200084372E-2</v>
      </c>
      <c r="G166" s="194">
        <v>9.2765661948060171E-2</v>
      </c>
      <c r="H166" s="92">
        <v>7.592435008432559E-2</v>
      </c>
      <c r="I166" s="194">
        <v>0.7069245359126094</v>
      </c>
      <c r="J166" s="92">
        <v>0.10925377377268974</v>
      </c>
      <c r="K166" s="194">
        <v>0</v>
      </c>
      <c r="L166" s="92">
        <v>3.9271909274046654E-2</v>
      </c>
      <c r="M166" s="192">
        <v>68</v>
      </c>
      <c r="N166" s="175">
        <v>5.9153616375870142</v>
      </c>
      <c r="O166" s="127">
        <v>0.33397221822340273</v>
      </c>
      <c r="P166" s="194">
        <v>8.9679031535691178E-2</v>
      </c>
      <c r="Q166" s="92">
        <v>7.4470014864448361E-2</v>
      </c>
      <c r="R166" s="194">
        <v>7.1185845745963705E-2</v>
      </c>
      <c r="S166" s="92">
        <v>6.9114306252300986E-2</v>
      </c>
      <c r="T166" s="194">
        <v>0.83913512271834523</v>
      </c>
      <c r="U166" s="92">
        <v>9.0496032004687574E-2</v>
      </c>
      <c r="V166" s="194">
        <v>0</v>
      </c>
      <c r="W166" s="92">
        <v>3.8734260487688681E-2</v>
      </c>
      <c r="X166" s="192">
        <v>68</v>
      </c>
      <c r="Y166" s="175">
        <v>3.7717416990059136</v>
      </c>
      <c r="Z166" s="127">
        <v>0.48049396053286403</v>
      </c>
      <c r="AA166" s="194">
        <v>0.4907565532722078</v>
      </c>
      <c r="AB166" s="92">
        <v>0.11783316559711131</v>
      </c>
      <c r="AC166" s="194">
        <v>0.14748003089669159</v>
      </c>
      <c r="AD166" s="92">
        <v>8.7924821194387659E-2</v>
      </c>
      <c r="AE166" s="194">
        <v>0.36176341583110061</v>
      </c>
      <c r="AF166" s="92">
        <v>0.1137626497921309</v>
      </c>
      <c r="AG166" s="194">
        <v>0</v>
      </c>
      <c r="AH166" s="92">
        <v>3.8734260487688681E-2</v>
      </c>
    </row>
    <row r="167" spans="1:34">
      <c r="A167" s="52" t="s">
        <v>544</v>
      </c>
      <c r="B167" s="191">
        <v>46</v>
      </c>
      <c r="C167" s="79">
        <v>3.094859702368399</v>
      </c>
      <c r="D167" s="80">
        <v>0.56358848149649976</v>
      </c>
      <c r="E167" s="193">
        <v>0.63562170415644004</v>
      </c>
      <c r="F167" s="89">
        <v>0.13694727629138023</v>
      </c>
      <c r="G167" s="193">
        <v>0.10960515987263175</v>
      </c>
      <c r="H167" s="89">
        <v>9.8387705635999315E-2</v>
      </c>
      <c r="I167" s="193">
        <v>0.25477313597092827</v>
      </c>
      <c r="J167" s="89">
        <v>0.12620640483212464</v>
      </c>
      <c r="K167" s="193">
        <v>0</v>
      </c>
      <c r="L167" s="89">
        <v>5.542562584220407E-2</v>
      </c>
      <c r="M167" s="191">
        <v>45</v>
      </c>
      <c r="N167" s="79">
        <v>4.2191763558888935</v>
      </c>
      <c r="O167" s="80">
        <v>0.55576988189012322</v>
      </c>
      <c r="P167" s="193">
        <v>0.39023143424800111</v>
      </c>
      <c r="Q167" s="89">
        <v>0.13992352840043049</v>
      </c>
      <c r="R167" s="193">
        <v>9.0928717526207126E-2</v>
      </c>
      <c r="S167" s="89">
        <v>9.4271106840577407E-2</v>
      </c>
      <c r="T167" s="193">
        <v>0.51883984822579199</v>
      </c>
      <c r="U167" s="89">
        <v>0.14277158701121673</v>
      </c>
      <c r="V167" s="193">
        <v>0</v>
      </c>
      <c r="W167" s="89">
        <v>5.6532709707479055E-2</v>
      </c>
      <c r="X167" s="191">
        <v>45</v>
      </c>
      <c r="Y167" s="79">
        <v>3.5513582297054165</v>
      </c>
      <c r="Z167" s="80">
        <v>0.57207573934504885</v>
      </c>
      <c r="AA167" s="193">
        <v>0.51599880600681736</v>
      </c>
      <c r="AB167" s="89">
        <v>0.14279545016066844</v>
      </c>
      <c r="AC167" s="193">
        <v>9.1841698632598334E-2</v>
      </c>
      <c r="AD167" s="89">
        <v>9.4543168800210797E-2</v>
      </c>
      <c r="AE167" s="193">
        <v>0.39086172583620443</v>
      </c>
      <c r="AF167" s="89">
        <v>0.13995746936716391</v>
      </c>
      <c r="AG167" s="193">
        <v>1.2977695243799364E-3</v>
      </c>
      <c r="AH167" s="89">
        <v>5.7316500841359252E-2</v>
      </c>
    </row>
    <row r="168" spans="1:34">
      <c r="A168" s="44" t="s">
        <v>545</v>
      </c>
      <c r="B168" s="192">
        <v>504</v>
      </c>
      <c r="C168" s="175">
        <v>5.2854980001860223</v>
      </c>
      <c r="D168" s="127">
        <v>0.16023950855204833</v>
      </c>
      <c r="E168" s="194">
        <v>0.16975604661381971</v>
      </c>
      <c r="F168" s="92">
        <v>3.3514559839596468E-2</v>
      </c>
      <c r="G168" s="194">
        <v>0.11274470492643505</v>
      </c>
      <c r="H168" s="92">
        <v>2.839342807221519E-2</v>
      </c>
      <c r="I168" s="194">
        <v>0.71103542385651353</v>
      </c>
      <c r="J168" s="92">
        <v>4.0290543446919007E-2</v>
      </c>
      <c r="K168" s="194">
        <v>6.463824603232653E-3</v>
      </c>
      <c r="L168" s="92">
        <v>8.9806506966436418E-3</v>
      </c>
      <c r="M168" s="192">
        <v>509</v>
      </c>
      <c r="N168" s="175">
        <v>5.5358720166204387</v>
      </c>
      <c r="O168" s="127">
        <v>0.14520938977194764</v>
      </c>
      <c r="P168" s="194">
        <v>0.12826585991482348</v>
      </c>
      <c r="Q168" s="92">
        <v>2.9809045203840336E-2</v>
      </c>
      <c r="R168" s="194">
        <v>8.9852794408704265E-2</v>
      </c>
      <c r="S168" s="92">
        <v>2.5652098483517401E-2</v>
      </c>
      <c r="T168" s="194">
        <v>0.78188134567647249</v>
      </c>
      <c r="U168" s="92">
        <v>3.6597720733438657E-2</v>
      </c>
      <c r="V168" s="194">
        <v>0</v>
      </c>
      <c r="W168" s="92">
        <v>5.5027451019365927E-3</v>
      </c>
      <c r="X168" s="192">
        <v>504</v>
      </c>
      <c r="Y168" s="175">
        <v>4.271147242348575</v>
      </c>
      <c r="Z168" s="127">
        <v>0.16629847637054104</v>
      </c>
      <c r="AA168" s="194">
        <v>0.36356490577140421</v>
      </c>
      <c r="AB168" s="92">
        <v>4.2711028028953352E-2</v>
      </c>
      <c r="AC168" s="194">
        <v>0.1489699263114023</v>
      </c>
      <c r="AD168" s="92">
        <v>3.1835051411170046E-2</v>
      </c>
      <c r="AE168" s="194">
        <v>0.4783060983217679</v>
      </c>
      <c r="AF168" s="92">
        <v>4.4326700230683733E-2</v>
      </c>
      <c r="AG168" s="194">
        <v>9.159069595427163E-3</v>
      </c>
      <c r="AH168" s="92">
        <v>1.0060578444921441E-2</v>
      </c>
    </row>
    <row r="169" spans="1:34">
      <c r="A169" s="52" t="s">
        <v>546</v>
      </c>
      <c r="B169" s="191">
        <v>52</v>
      </c>
      <c r="C169" s="79">
        <v>4.6262229355854867</v>
      </c>
      <c r="D169" s="80">
        <v>0.55389194854000112</v>
      </c>
      <c r="E169" s="193">
        <v>0.32344928552473567</v>
      </c>
      <c r="F169" s="89">
        <v>0.12624344199964788</v>
      </c>
      <c r="G169" s="193">
        <v>0.10172493153553694</v>
      </c>
      <c r="H169" s="89">
        <v>8.99317604573414E-2</v>
      </c>
      <c r="I169" s="193">
        <v>0.573622096268666</v>
      </c>
      <c r="J169" s="89">
        <v>0.13237566914549123</v>
      </c>
      <c r="K169" s="193">
        <v>1.2036866710616167E-3</v>
      </c>
      <c r="L169" s="89">
        <v>5.0338425345387551E-2</v>
      </c>
      <c r="M169" s="191">
        <v>53</v>
      </c>
      <c r="N169" s="79">
        <v>5.217197555612076</v>
      </c>
      <c r="O169" s="80">
        <v>0.4730339054057221</v>
      </c>
      <c r="P169" s="193">
        <v>0.15217637285848723</v>
      </c>
      <c r="Q169" s="89">
        <v>0.10101338077499174</v>
      </c>
      <c r="R169" s="193">
        <v>0.10510122989750002</v>
      </c>
      <c r="S169" s="89">
        <v>8.9902098259707366E-2</v>
      </c>
      <c r="T169" s="193">
        <v>0.74272239724401279</v>
      </c>
      <c r="U169" s="89">
        <v>0.11819233922604652</v>
      </c>
      <c r="V169" s="193">
        <v>0</v>
      </c>
      <c r="W169" s="89">
        <v>4.8743201957104715E-2</v>
      </c>
      <c r="X169" s="191">
        <v>53</v>
      </c>
      <c r="Y169" s="79">
        <v>4.0451595119775652</v>
      </c>
      <c r="Z169" s="80">
        <v>0.46850876491069915</v>
      </c>
      <c r="AA169" s="193">
        <v>0.36865948692133438</v>
      </c>
      <c r="AB169" s="89">
        <v>0.12844162242311838</v>
      </c>
      <c r="AC169" s="193">
        <v>0.23088347622300293</v>
      </c>
      <c r="AD169" s="89">
        <v>0.11467249160774569</v>
      </c>
      <c r="AE169" s="193">
        <v>0.40045703685566281</v>
      </c>
      <c r="AF169" s="89">
        <v>0.13016402895080598</v>
      </c>
      <c r="AG169" s="193">
        <v>0</v>
      </c>
      <c r="AH169" s="89">
        <v>4.8743201957104715E-2</v>
      </c>
    </row>
    <row r="170" spans="1:34">
      <c r="A170" s="44" t="s">
        <v>547</v>
      </c>
      <c r="B170" s="192">
        <v>80</v>
      </c>
      <c r="C170" s="175">
        <v>5.1397080596110012</v>
      </c>
      <c r="D170" s="127">
        <v>0.3923026617232484</v>
      </c>
      <c r="E170" s="194">
        <v>0.16729346613702525</v>
      </c>
      <c r="F170" s="92">
        <v>8.4401988114396226E-2</v>
      </c>
      <c r="G170" s="194">
        <v>0.18469229019180006</v>
      </c>
      <c r="H170" s="92">
        <v>8.7239156766929754E-2</v>
      </c>
      <c r="I170" s="194">
        <v>0.63225299650369937</v>
      </c>
      <c r="J170" s="92">
        <v>0.10559024098917338</v>
      </c>
      <c r="K170" s="194">
        <v>1.5761247167475009E-2</v>
      </c>
      <c r="L170" s="92">
        <v>4.2152345424927504E-2</v>
      </c>
      <c r="M170" s="192">
        <v>83</v>
      </c>
      <c r="N170" s="175">
        <v>5.4403902734084255</v>
      </c>
      <c r="O170" s="127">
        <v>0.32460322371964656</v>
      </c>
      <c r="P170" s="194">
        <v>0.12925782210638057</v>
      </c>
      <c r="Q170" s="92">
        <v>7.5779093067044598E-2</v>
      </c>
      <c r="R170" s="194">
        <v>0.11768443277443728</v>
      </c>
      <c r="S170" s="92">
        <v>7.3333220921899575E-2</v>
      </c>
      <c r="T170" s="194">
        <v>0.75305774511918211</v>
      </c>
      <c r="U170" s="92">
        <v>9.3885472008826951E-2</v>
      </c>
      <c r="V170" s="194">
        <v>0</v>
      </c>
      <c r="W170" s="92">
        <v>3.2134798233390625E-2</v>
      </c>
      <c r="X170" s="192">
        <v>83</v>
      </c>
      <c r="Y170" s="175">
        <v>4.5051443752289453</v>
      </c>
      <c r="Z170" s="127">
        <v>0.40112653403822085</v>
      </c>
      <c r="AA170" s="194">
        <v>0.33197675874906707</v>
      </c>
      <c r="AB170" s="92">
        <v>0.10155221522072888</v>
      </c>
      <c r="AC170" s="194">
        <v>0.12477646637208238</v>
      </c>
      <c r="AD170" s="92">
        <v>7.4850390348099274E-2</v>
      </c>
      <c r="AE170" s="194">
        <v>0.54229554986829043</v>
      </c>
      <c r="AF170" s="92">
        <v>0.10686156103838781</v>
      </c>
      <c r="AG170" s="194">
        <v>9.5122501055987967E-4</v>
      </c>
      <c r="AH170" s="92">
        <v>3.274771388809114E-2</v>
      </c>
    </row>
    <row r="171" spans="1:34">
      <c r="A171" s="52" t="s">
        <v>548</v>
      </c>
      <c r="B171" s="191">
        <v>149</v>
      </c>
      <c r="C171" s="79">
        <v>5.4074788138262795</v>
      </c>
      <c r="D171" s="80">
        <v>0.26003478818042203</v>
      </c>
      <c r="E171" s="193">
        <v>0.1187908746356028</v>
      </c>
      <c r="F171" s="89">
        <v>5.4155121837316952E-2</v>
      </c>
      <c r="G171" s="193">
        <v>0.10493818320440029</v>
      </c>
      <c r="H171" s="89">
        <v>5.1634767735881909E-2</v>
      </c>
      <c r="I171" s="193">
        <v>0.77129289542482826</v>
      </c>
      <c r="J171" s="89">
        <v>6.863719469523423E-2</v>
      </c>
      <c r="K171" s="193">
        <v>4.9780467351687799E-3</v>
      </c>
      <c r="L171" s="89">
        <v>2.1449852151490149E-2</v>
      </c>
      <c r="M171" s="191">
        <v>149</v>
      </c>
      <c r="N171" s="79">
        <v>5.6467653664753499</v>
      </c>
      <c r="O171" s="80">
        <v>0.25515504376352788</v>
      </c>
      <c r="P171" s="193">
        <v>0.11909793608351281</v>
      </c>
      <c r="Q171" s="89">
        <v>5.4208666684947206E-2</v>
      </c>
      <c r="R171" s="193">
        <v>2.7262534804340058E-2</v>
      </c>
      <c r="S171" s="89">
        <v>3.1540742967568917E-2</v>
      </c>
      <c r="T171" s="193">
        <v>0.85363952911214724</v>
      </c>
      <c r="U171" s="89">
        <v>5.86097623935753E-2</v>
      </c>
      <c r="V171" s="193">
        <v>0</v>
      </c>
      <c r="W171" s="89">
        <v>1.8365227853566944E-2</v>
      </c>
      <c r="X171" s="191">
        <v>150</v>
      </c>
      <c r="Y171" s="79">
        <v>4.0367428047960372</v>
      </c>
      <c r="Z171" s="80">
        <v>0.33323739755914406</v>
      </c>
      <c r="AA171" s="193">
        <v>0.43534629944690834</v>
      </c>
      <c r="AB171" s="89">
        <v>7.9940599213918953E-2</v>
      </c>
      <c r="AC171" s="193">
        <v>0.12709019776922781</v>
      </c>
      <c r="AD171" s="89">
        <v>5.5377909912717141E-2</v>
      </c>
      <c r="AE171" s="193">
        <v>0.43756350278386391</v>
      </c>
      <c r="AF171" s="89">
        <v>7.9984018492646955E-2</v>
      </c>
      <c r="AG171" s="193">
        <v>0</v>
      </c>
      <c r="AH171" s="89">
        <v>1.8246757748421008E-2</v>
      </c>
    </row>
    <row r="172" spans="1:34">
      <c r="A172" s="44" t="s">
        <v>549</v>
      </c>
      <c r="B172" s="192">
        <v>46</v>
      </c>
      <c r="C172" s="175">
        <v>2.9331269740243315</v>
      </c>
      <c r="D172" s="127">
        <v>0.52130635835433614</v>
      </c>
      <c r="E172" s="194">
        <v>0.66307952149950922</v>
      </c>
      <c r="F172" s="92">
        <v>0.13490442571437439</v>
      </c>
      <c r="G172" s="194">
        <v>0.21117470798198462</v>
      </c>
      <c r="H172" s="92">
        <v>0.11979758604065956</v>
      </c>
      <c r="I172" s="194">
        <v>0.1257457705185063</v>
      </c>
      <c r="J172" s="92">
        <v>0.10254674812192015</v>
      </c>
      <c r="K172" s="194">
        <v>0</v>
      </c>
      <c r="L172" s="92">
        <v>5.542562584220407E-2</v>
      </c>
      <c r="M172" s="192">
        <v>47</v>
      </c>
      <c r="N172" s="175">
        <v>4.2004612635685854</v>
      </c>
      <c r="O172" s="127">
        <v>0.54933232985221192</v>
      </c>
      <c r="P172" s="194">
        <v>0.33100471426485323</v>
      </c>
      <c r="Q172" s="92">
        <v>0.13306192504798917</v>
      </c>
      <c r="R172" s="194">
        <v>0.23001528973427657</v>
      </c>
      <c r="S172" s="92">
        <v>0.12145970464799914</v>
      </c>
      <c r="T172" s="194">
        <v>0.43897999600087012</v>
      </c>
      <c r="U172" s="92">
        <v>0.13913957545811106</v>
      </c>
      <c r="V172" s="194">
        <v>0</v>
      </c>
      <c r="W172" s="92">
        <v>5.4361041575189964E-2</v>
      </c>
      <c r="X172" s="192">
        <v>47</v>
      </c>
      <c r="Y172" s="175">
        <v>3.8681301963647026</v>
      </c>
      <c r="Z172" s="127">
        <v>0.52078681893843148</v>
      </c>
      <c r="AA172" s="194">
        <v>0.43253249950332384</v>
      </c>
      <c r="AB172" s="92">
        <v>0.13894113678201089</v>
      </c>
      <c r="AC172" s="194">
        <v>0.22140447453281215</v>
      </c>
      <c r="AD172" s="92">
        <v>0.1201574321441455</v>
      </c>
      <c r="AE172" s="194">
        <v>0.34606302596386401</v>
      </c>
      <c r="AF172" s="92">
        <v>0.13427357247315919</v>
      </c>
      <c r="AG172" s="194">
        <v>0</v>
      </c>
      <c r="AH172" s="92">
        <v>5.4361041575189964E-2</v>
      </c>
    </row>
    <row r="173" spans="1:34">
      <c r="A173" s="52" t="s">
        <v>550</v>
      </c>
      <c r="B173" s="191">
        <v>115</v>
      </c>
      <c r="C173" s="79">
        <v>5.8110814872649241</v>
      </c>
      <c r="D173" s="80">
        <v>0.2561201919951912</v>
      </c>
      <c r="E173" s="193">
        <v>7.7374650849703658E-2</v>
      </c>
      <c r="F173" s="89">
        <v>5.2881204656914822E-2</v>
      </c>
      <c r="G173" s="193">
        <v>7.8428959165155604E-2</v>
      </c>
      <c r="H173" s="89">
        <v>5.314472480268221E-2</v>
      </c>
      <c r="I173" s="193">
        <v>0.84419638998514046</v>
      </c>
      <c r="J173" s="89">
        <v>6.8442317306614819E-2</v>
      </c>
      <c r="K173" s="193">
        <v>0</v>
      </c>
      <c r="L173" s="89">
        <v>2.3567715249216942E-2</v>
      </c>
      <c r="M173" s="191">
        <v>115</v>
      </c>
      <c r="N173" s="79">
        <v>5.7948434983667658</v>
      </c>
      <c r="O173" s="80">
        <v>0.2872395432996096</v>
      </c>
      <c r="P173" s="193">
        <v>9.2264498880098259E-2</v>
      </c>
      <c r="Q173" s="89">
        <v>5.6431791346228714E-2</v>
      </c>
      <c r="R173" s="193">
        <v>0.10418076146477778</v>
      </c>
      <c r="S173" s="89">
        <v>5.9035024870765312E-2</v>
      </c>
      <c r="T173" s="193">
        <v>0.80355473965512358</v>
      </c>
      <c r="U173" s="89">
        <v>7.4234482534231386E-2</v>
      </c>
      <c r="V173" s="193">
        <v>0</v>
      </c>
      <c r="W173" s="89">
        <v>2.3567715249216942E-2</v>
      </c>
      <c r="X173" s="191">
        <v>111</v>
      </c>
      <c r="Y173" s="79">
        <v>4.4676948257389073</v>
      </c>
      <c r="Z173" s="80">
        <v>0.33063041587370168</v>
      </c>
      <c r="AA173" s="193">
        <v>0.33383769189288293</v>
      </c>
      <c r="AB173" s="89">
        <v>8.83229988546895E-2</v>
      </c>
      <c r="AC173" s="193">
        <v>0.13896939768096647</v>
      </c>
      <c r="AD173" s="89">
        <v>6.6872118584481027E-2</v>
      </c>
      <c r="AE173" s="193">
        <v>0.49317331226267236</v>
      </c>
      <c r="AF173" s="89">
        <v>9.3242382963626816E-2</v>
      </c>
      <c r="AG173" s="193">
        <v>3.4019598163476966E-2</v>
      </c>
      <c r="AH173" s="89">
        <v>4.0734473860152068E-2</v>
      </c>
    </row>
    <row r="174" spans="1:34">
      <c r="A174" s="44" t="s">
        <v>551</v>
      </c>
      <c r="B174" s="192">
        <v>62</v>
      </c>
      <c r="C174" s="175">
        <v>5.7791199966165241</v>
      </c>
      <c r="D174" s="127">
        <v>0.45330357543909527</v>
      </c>
      <c r="E174" s="194">
        <v>0.11657616154125805</v>
      </c>
      <c r="F174" s="92">
        <v>8.5374761633051452E-2</v>
      </c>
      <c r="G174" s="194">
        <v>7.2565430369785938E-2</v>
      </c>
      <c r="H174" s="92">
        <v>7.3350179377187061E-2</v>
      </c>
      <c r="I174" s="194">
        <v>0.79139594793710888</v>
      </c>
      <c r="J174" s="92">
        <v>0.10300598045599958</v>
      </c>
      <c r="K174" s="194">
        <v>1.9462460151846953E-2</v>
      </c>
      <c r="L174" s="92">
        <v>5.2929543293704417E-2</v>
      </c>
      <c r="M174" s="192">
        <v>62</v>
      </c>
      <c r="N174" s="175">
        <v>5.8144691979267886</v>
      </c>
      <c r="O174" s="127">
        <v>0.36922170661285236</v>
      </c>
      <c r="P174" s="194">
        <v>9.2971580313920749E-2</v>
      </c>
      <c r="Q174" s="92">
        <v>7.9315559629342836E-2</v>
      </c>
      <c r="R174" s="194">
        <v>7.9305097873445612E-2</v>
      </c>
      <c r="S174" s="92">
        <v>7.5405308872252774E-2</v>
      </c>
      <c r="T174" s="194">
        <v>0.82772332181263353</v>
      </c>
      <c r="U174" s="92">
        <v>9.699153931883317E-2</v>
      </c>
      <c r="V174" s="194">
        <v>0</v>
      </c>
      <c r="W174" s="92">
        <v>4.2200643868047963E-2</v>
      </c>
      <c r="X174" s="192">
        <v>60</v>
      </c>
      <c r="Y174" s="175">
        <v>4.5186036682255217</v>
      </c>
      <c r="Z174" s="127">
        <v>0.45757055994218027</v>
      </c>
      <c r="AA174" s="194">
        <v>0.25270871788286831</v>
      </c>
      <c r="AB174" s="92">
        <v>0.11075092134044523</v>
      </c>
      <c r="AC174" s="194">
        <v>0.15610981037657493</v>
      </c>
      <c r="AD174" s="92">
        <v>9.5544538162822726E-2</v>
      </c>
      <c r="AE174" s="194">
        <v>0.59118147174055624</v>
      </c>
      <c r="AF174" s="92">
        <v>0.12315963218772891</v>
      </c>
      <c r="AG174" s="194">
        <v>0</v>
      </c>
      <c r="AH174" s="92">
        <v>4.3498159084609543E-2</v>
      </c>
    </row>
    <row r="177" spans="1:32" ht="18.75">
      <c r="A177" s="284" t="s">
        <v>238</v>
      </c>
      <c r="B177" s="284"/>
      <c r="C177" s="284"/>
      <c r="D177" s="284"/>
      <c r="E177" s="284"/>
      <c r="F177" s="284"/>
      <c r="G177" s="284"/>
      <c r="H177" s="284"/>
      <c r="I177" s="284"/>
      <c r="J177" s="284"/>
      <c r="K177" s="284"/>
      <c r="L177" s="284"/>
      <c r="M177" s="224"/>
      <c r="N177" s="224"/>
      <c r="O177" s="224"/>
      <c r="P177" s="242"/>
      <c r="Q177" s="242"/>
      <c r="R177" s="242"/>
      <c r="S177" s="242"/>
      <c r="T177" s="242"/>
      <c r="U177" s="242"/>
      <c r="V177" s="242"/>
      <c r="W177" s="242"/>
      <c r="X177" s="242"/>
      <c r="Y177" s="242"/>
      <c r="Z177" s="242"/>
      <c r="AA177" s="242"/>
      <c r="AB177" s="242"/>
    </row>
    <row r="178" spans="1:32" ht="41.25" customHeight="1">
      <c r="A178" s="417" t="s">
        <v>609</v>
      </c>
      <c r="B178" s="417"/>
      <c r="C178" s="417"/>
      <c r="D178" s="417"/>
      <c r="E178" s="417"/>
      <c r="F178" s="417"/>
      <c r="G178" s="417"/>
      <c r="H178" s="417"/>
      <c r="I178" s="417"/>
      <c r="J178" s="417"/>
      <c r="K178" s="417"/>
      <c r="L178" s="417"/>
      <c r="M178" s="286"/>
      <c r="N178" s="230"/>
      <c r="O178" s="230"/>
      <c r="P178" s="242"/>
      <c r="Q178" s="242"/>
      <c r="R178" s="242"/>
      <c r="S178" s="242"/>
      <c r="T178" s="242"/>
      <c r="U178" s="242"/>
      <c r="V178" s="242"/>
      <c r="W178" s="242"/>
      <c r="X178" s="242"/>
      <c r="Y178" s="242"/>
      <c r="Z178" s="242"/>
      <c r="AA178" s="242"/>
      <c r="AB178" s="242"/>
    </row>
    <row r="179" spans="1:32" ht="36" customHeight="1">
      <c r="A179" s="59"/>
      <c r="B179" s="398" t="s">
        <v>239</v>
      </c>
      <c r="C179" s="399"/>
      <c r="D179" s="399"/>
      <c r="E179" s="399"/>
      <c r="F179" s="399"/>
      <c r="G179" s="399"/>
      <c r="H179" s="399"/>
      <c r="I179" s="399"/>
      <c r="J179" s="399"/>
      <c r="K179" s="399"/>
      <c r="L179" s="400"/>
      <c r="M179" s="242"/>
      <c r="N179" s="242"/>
      <c r="O179" s="242"/>
      <c r="P179" s="242"/>
      <c r="Q179" s="242"/>
      <c r="R179" s="242"/>
      <c r="S179" s="242"/>
      <c r="T179" s="242"/>
      <c r="U179" s="242"/>
      <c r="V179" s="242"/>
      <c r="W179" s="242"/>
      <c r="X179" s="242"/>
      <c r="Y179" s="242"/>
      <c r="Z179" s="242"/>
      <c r="AA179" s="242"/>
      <c r="AB179" s="242"/>
      <c r="AC179" s="242"/>
      <c r="AD179" s="242"/>
      <c r="AE179" s="242"/>
      <c r="AF179" s="242"/>
    </row>
    <row r="180" spans="1:32" ht="39.75" customHeight="1">
      <c r="A180" s="32" t="s">
        <v>71</v>
      </c>
      <c r="B180" s="33" t="s">
        <v>72</v>
      </c>
      <c r="C180" s="34" t="s">
        <v>589</v>
      </c>
      <c r="D180" s="35" t="s">
        <v>73</v>
      </c>
      <c r="E180" s="33" t="s">
        <v>312</v>
      </c>
      <c r="F180" s="84" t="s">
        <v>143</v>
      </c>
      <c r="G180" s="33" t="s">
        <v>313</v>
      </c>
      <c r="H180" s="84" t="s">
        <v>144</v>
      </c>
      <c r="I180" s="33" t="s">
        <v>314</v>
      </c>
      <c r="J180" s="84" t="s">
        <v>117</v>
      </c>
      <c r="K180" s="33" t="s">
        <v>301</v>
      </c>
      <c r="L180" s="84" t="s">
        <v>315</v>
      </c>
      <c r="M180" s="242"/>
      <c r="N180" s="242"/>
      <c r="O180" s="242"/>
      <c r="P180" s="242"/>
      <c r="Q180" s="242"/>
      <c r="R180" s="242"/>
      <c r="S180" s="242"/>
      <c r="T180" s="242"/>
      <c r="U180" s="242"/>
      <c r="V180" s="242"/>
      <c r="W180" s="242"/>
      <c r="X180" s="242"/>
      <c r="Y180" s="242"/>
      <c r="Z180" s="242"/>
      <c r="AA180" s="242"/>
      <c r="AB180" s="242"/>
      <c r="AC180" s="242"/>
      <c r="AD180" s="242"/>
      <c r="AE180" s="242"/>
      <c r="AF180" s="242"/>
    </row>
    <row r="181" spans="1:32" ht="72">
      <c r="A181" s="36"/>
      <c r="B181" s="37" t="s">
        <v>74</v>
      </c>
      <c r="C181" s="123" t="s">
        <v>304</v>
      </c>
      <c r="D181" s="39" t="s">
        <v>76</v>
      </c>
      <c r="E181" s="37" t="s">
        <v>159</v>
      </c>
      <c r="F181" s="86" t="s">
        <v>88</v>
      </c>
      <c r="G181" s="37" t="s">
        <v>160</v>
      </c>
      <c r="H181" s="86" t="s">
        <v>88</v>
      </c>
      <c r="I181" s="37" t="s">
        <v>161</v>
      </c>
      <c r="J181" s="86" t="s">
        <v>88</v>
      </c>
      <c r="K181" s="37" t="s">
        <v>301</v>
      </c>
      <c r="L181" s="86" t="s">
        <v>88</v>
      </c>
    </row>
    <row r="182" spans="1:32">
      <c r="A182" s="40" t="s">
        <v>349</v>
      </c>
      <c r="B182" s="195">
        <v>13838</v>
      </c>
      <c r="C182" s="79">
        <v>4.7531192671633828</v>
      </c>
      <c r="D182" s="80">
        <v>2.7919035805388397E-2</v>
      </c>
      <c r="E182" s="193">
        <v>0.19002045105263729</v>
      </c>
      <c r="F182" s="89">
        <v>6.6703112055608339E-3</v>
      </c>
      <c r="G182" s="193">
        <v>0.1840468065802596</v>
      </c>
      <c r="H182" s="89">
        <v>6.5888669336456353E-3</v>
      </c>
      <c r="I182" s="193">
        <v>0.57979952345395602</v>
      </c>
      <c r="J182" s="89">
        <v>8.3907551919310368E-3</v>
      </c>
      <c r="K182" s="193">
        <v>4.6133218913162459E-2</v>
      </c>
      <c r="L182" s="89">
        <v>3.5708197407605087E-3</v>
      </c>
    </row>
    <row r="183" spans="1:32">
      <c r="A183" s="44" t="s">
        <v>350</v>
      </c>
      <c r="B183" s="44">
        <v>10167</v>
      </c>
      <c r="C183" s="175">
        <v>4.5506508062160735</v>
      </c>
      <c r="D183" s="127">
        <v>3.3212653597497817E-2</v>
      </c>
      <c r="E183" s="194">
        <v>0.23948467955034444</v>
      </c>
      <c r="F183" s="92">
        <v>8.4645649693695091E-3</v>
      </c>
      <c r="G183" s="194">
        <v>0.17748811872500828</v>
      </c>
      <c r="H183" s="92">
        <v>7.5792378329316047E-3</v>
      </c>
      <c r="I183" s="194">
        <v>0.54233865221360755</v>
      </c>
      <c r="J183" s="92">
        <v>9.8799966681224032E-3</v>
      </c>
      <c r="K183" s="194">
        <v>4.0688549511036121E-2</v>
      </c>
      <c r="L183" s="92">
        <v>3.9263144682149921E-3</v>
      </c>
    </row>
    <row r="184" spans="1:32">
      <c r="A184" s="40" t="s">
        <v>351</v>
      </c>
      <c r="B184" s="48">
        <v>3671</v>
      </c>
      <c r="C184" s="79">
        <v>4.9204671233886801</v>
      </c>
      <c r="D184" s="80">
        <v>4.9751738154754886E-2</v>
      </c>
      <c r="E184" s="193">
        <v>0.14955824544207372</v>
      </c>
      <c r="F184" s="89">
        <v>1.1778350780796388E-2</v>
      </c>
      <c r="G184" s="193">
        <v>0.18941187512765661</v>
      </c>
      <c r="H184" s="89">
        <v>1.293604968490268E-2</v>
      </c>
      <c r="I184" s="193">
        <v>0.61044286957522487</v>
      </c>
      <c r="J184" s="89">
        <v>1.6089170254407308E-2</v>
      </c>
      <c r="K184" s="193">
        <v>5.0587009855044267E-2</v>
      </c>
      <c r="L184" s="89">
        <v>7.2631690039010729E-3</v>
      </c>
    </row>
    <row r="185" spans="1:32">
      <c r="A185" s="44" t="s">
        <v>533</v>
      </c>
      <c r="B185" s="44">
        <v>3178</v>
      </c>
      <c r="C185" s="175">
        <v>4.7901331396737943</v>
      </c>
      <c r="D185" s="127">
        <v>5.8574628737325191E-2</v>
      </c>
      <c r="E185" s="194">
        <v>0.1820244717564975</v>
      </c>
      <c r="F185" s="92">
        <v>1.3692575288130317E-2</v>
      </c>
      <c r="G185" s="194">
        <v>0.17647807042109498</v>
      </c>
      <c r="H185" s="92">
        <v>1.3528680430562256E-2</v>
      </c>
      <c r="I185" s="194">
        <v>0.58989978642990737</v>
      </c>
      <c r="J185" s="92">
        <v>1.743942861629303E-2</v>
      </c>
      <c r="K185" s="194">
        <v>5.1597671392495242E-2</v>
      </c>
      <c r="L185" s="92">
        <v>7.883544195761762E-3</v>
      </c>
    </row>
    <row r="186" spans="1:32">
      <c r="A186" s="40" t="s">
        <v>534</v>
      </c>
      <c r="B186" s="48">
        <v>2500</v>
      </c>
      <c r="C186" s="79">
        <v>4.5114185682666683</v>
      </c>
      <c r="D186" s="80">
        <v>6.6705174988567525E-2</v>
      </c>
      <c r="E186" s="193">
        <v>0.24856592861376151</v>
      </c>
      <c r="F186" s="89">
        <v>1.7282778938797566E-2</v>
      </c>
      <c r="G186" s="193">
        <v>0.17104556438554716</v>
      </c>
      <c r="H186" s="89">
        <v>1.5068238037251951E-2</v>
      </c>
      <c r="I186" s="193">
        <v>0.5448338440380347</v>
      </c>
      <c r="J186" s="89">
        <v>1.9903775841461087E-2</v>
      </c>
      <c r="K186" s="193">
        <v>3.5554662962658259E-2</v>
      </c>
      <c r="L186" s="89">
        <v>7.4751073688600917E-3</v>
      </c>
    </row>
    <row r="187" spans="1:32">
      <c r="A187" s="44" t="s">
        <v>535</v>
      </c>
      <c r="B187" s="44">
        <v>486</v>
      </c>
      <c r="C187" s="175">
        <v>4.6592745456201712</v>
      </c>
      <c r="D187" s="127">
        <v>0.14887709174004271</v>
      </c>
      <c r="E187" s="194">
        <v>0.22777883243520716</v>
      </c>
      <c r="F187" s="92">
        <v>3.802261033721431E-2</v>
      </c>
      <c r="G187" s="194">
        <v>0.16850559638022183</v>
      </c>
      <c r="H187" s="92">
        <v>3.4034584586083133E-2</v>
      </c>
      <c r="I187" s="194">
        <v>0.5715465625842463</v>
      </c>
      <c r="J187" s="92">
        <v>4.4718103197580003E-2</v>
      </c>
      <c r="K187" s="194">
        <v>3.2169008600327946E-2</v>
      </c>
      <c r="L187" s="92">
        <v>1.682876504548509E-2</v>
      </c>
    </row>
    <row r="188" spans="1:32">
      <c r="A188" s="40" t="s">
        <v>536</v>
      </c>
      <c r="B188" s="48">
        <v>89</v>
      </c>
      <c r="C188" s="79">
        <v>4.1265890391058822</v>
      </c>
      <c r="D188" s="80">
        <v>0.3927418249733885</v>
      </c>
      <c r="E188" s="193">
        <v>0.30969183045315601</v>
      </c>
      <c r="F188" s="89">
        <v>9.6571609069374301E-2</v>
      </c>
      <c r="G188" s="193">
        <v>0.17950011084165671</v>
      </c>
      <c r="H188" s="89">
        <v>8.189317480824268E-2</v>
      </c>
      <c r="I188" s="193">
        <v>0.49240148040727627</v>
      </c>
      <c r="J188" s="89">
        <v>0.10368420258072726</v>
      </c>
      <c r="K188" s="193">
        <v>1.8406578297910793E-2</v>
      </c>
      <c r="L188" s="89">
        <v>4.0209065488548558E-2</v>
      </c>
    </row>
    <row r="189" spans="1:32">
      <c r="A189" s="44" t="s">
        <v>537</v>
      </c>
      <c r="B189" s="44">
        <v>138</v>
      </c>
      <c r="C189" s="175">
        <v>5.0085285131819353</v>
      </c>
      <c r="D189" s="127">
        <v>0.25629420565307204</v>
      </c>
      <c r="E189" s="194">
        <v>0.19215982050662297</v>
      </c>
      <c r="F189" s="92">
        <v>6.7238933584679209E-2</v>
      </c>
      <c r="G189" s="194">
        <v>0.12024515428330471</v>
      </c>
      <c r="H189" s="92">
        <v>5.6617456725406828E-2</v>
      </c>
      <c r="I189" s="194">
        <v>0.6795093252506692</v>
      </c>
      <c r="J189" s="92">
        <v>7.8644546546029495E-2</v>
      </c>
      <c r="K189" s="194">
        <v>8.0856999594026476E-3</v>
      </c>
      <c r="L189" s="92">
        <v>2.4587280633137094E-2</v>
      </c>
    </row>
    <row r="190" spans="1:32">
      <c r="A190" s="40" t="s">
        <v>538</v>
      </c>
      <c r="B190" s="48">
        <v>106</v>
      </c>
      <c r="C190" s="79">
        <v>4.6616082169976467</v>
      </c>
      <c r="D190" s="80">
        <v>0.30589264351779399</v>
      </c>
      <c r="E190" s="193">
        <v>0.24343748506141302</v>
      </c>
      <c r="F190" s="89">
        <v>8.2874682847320177E-2</v>
      </c>
      <c r="G190" s="193">
        <v>0.13946551198652402</v>
      </c>
      <c r="H190" s="89">
        <v>6.8568867800409494E-2</v>
      </c>
      <c r="I190" s="193">
        <v>0.58951912427178332</v>
      </c>
      <c r="J190" s="89">
        <v>9.3916508844557184E-2</v>
      </c>
      <c r="K190" s="193">
        <v>2.7577878680279076E-2</v>
      </c>
      <c r="L190" s="89">
        <v>3.9429425077544822E-2</v>
      </c>
    </row>
    <row r="191" spans="1:32">
      <c r="A191" s="44" t="s">
        <v>539</v>
      </c>
      <c r="B191" s="44">
        <v>153</v>
      </c>
      <c r="C191" s="175">
        <v>4.6582594703959748</v>
      </c>
      <c r="D191" s="127">
        <v>0.26625551053827384</v>
      </c>
      <c r="E191" s="194">
        <v>0.20877603284142704</v>
      </c>
      <c r="F191" s="92">
        <v>6.5706381947781722E-2</v>
      </c>
      <c r="G191" s="194">
        <v>0.20754128371130673</v>
      </c>
      <c r="H191" s="92">
        <v>6.5573550444038481E-2</v>
      </c>
      <c r="I191" s="194">
        <v>0.52924770183103886</v>
      </c>
      <c r="J191" s="92">
        <v>7.9678910628525418E-2</v>
      </c>
      <c r="K191" s="194">
        <v>5.4434981616226702E-2</v>
      </c>
      <c r="L191" s="92">
        <v>3.9570636011139311E-2</v>
      </c>
    </row>
    <row r="192" spans="1:32">
      <c r="A192" s="40" t="s">
        <v>540</v>
      </c>
      <c r="B192" s="195">
        <v>339</v>
      </c>
      <c r="C192" s="79">
        <v>4.3066855990202582</v>
      </c>
      <c r="D192" s="80">
        <v>0.1889244997530734</v>
      </c>
      <c r="E192" s="193">
        <v>0.30339440259750983</v>
      </c>
      <c r="F192" s="89">
        <v>4.975069364588941E-2</v>
      </c>
      <c r="G192" s="193">
        <v>0.15209137416607299</v>
      </c>
      <c r="H192" s="89">
        <v>3.9199902842836962E-2</v>
      </c>
      <c r="I192" s="193">
        <v>0.53288923100311336</v>
      </c>
      <c r="J192" s="89">
        <v>5.388069972175917E-2</v>
      </c>
      <c r="K192" s="193">
        <v>1.1624992233305207E-2</v>
      </c>
      <c r="L192" s="89">
        <v>1.4088571905622555E-2</v>
      </c>
    </row>
    <row r="193" spans="1:45">
      <c r="A193" s="44" t="s">
        <v>541</v>
      </c>
      <c r="B193" s="196">
        <v>112</v>
      </c>
      <c r="C193" s="175">
        <v>4.3312846235712454</v>
      </c>
      <c r="D193" s="127">
        <v>0.31034091977450623</v>
      </c>
      <c r="E193" s="194">
        <v>0.30496956795015673</v>
      </c>
      <c r="F193" s="92">
        <v>8.6011453688817602E-2</v>
      </c>
      <c r="G193" s="194">
        <v>0.13295514426167709</v>
      </c>
      <c r="H193" s="92">
        <v>6.5497841147614727E-2</v>
      </c>
      <c r="I193" s="194">
        <v>0.56207528778816651</v>
      </c>
      <c r="J193" s="92">
        <v>9.2178205305895128E-2</v>
      </c>
      <c r="K193" s="194">
        <v>0</v>
      </c>
      <c r="L193" s="92">
        <v>2.4171880321350918E-2</v>
      </c>
    </row>
    <row r="194" spans="1:45">
      <c r="A194" s="40" t="s">
        <v>542</v>
      </c>
      <c r="B194" s="49">
        <v>94</v>
      </c>
      <c r="C194" s="79">
        <v>4.4906866206172946</v>
      </c>
      <c r="D194" s="80">
        <v>0.34467462365279983</v>
      </c>
      <c r="E194" s="193">
        <v>0.25339784993301706</v>
      </c>
      <c r="F194" s="89">
        <v>8.8996758247008728E-2</v>
      </c>
      <c r="G194" s="193">
        <v>0.16150596507595297</v>
      </c>
      <c r="H194" s="89">
        <v>7.6820550920708774E-2</v>
      </c>
      <c r="I194" s="193">
        <v>0.56940580909727079</v>
      </c>
      <c r="J194" s="89">
        <v>0.10011586073148204</v>
      </c>
      <c r="K194" s="193">
        <v>1.5690375893760166E-2</v>
      </c>
      <c r="L194" s="89">
        <v>3.7362448510160642E-2</v>
      </c>
    </row>
    <row r="195" spans="1:45">
      <c r="A195" s="44" t="s">
        <v>543</v>
      </c>
      <c r="B195" s="196">
        <v>77</v>
      </c>
      <c r="C195" s="175">
        <v>4.0402197436875378</v>
      </c>
      <c r="D195" s="127">
        <v>0.44176678749599835</v>
      </c>
      <c r="E195" s="194">
        <v>0.33563240725393018</v>
      </c>
      <c r="F195" s="92">
        <v>0.1055463684169171</v>
      </c>
      <c r="G195" s="194">
        <v>0.14305498746240594</v>
      </c>
      <c r="H195" s="92">
        <v>8.1608286961238244E-2</v>
      </c>
      <c r="I195" s="194">
        <v>0.49450488829668593</v>
      </c>
      <c r="J195" s="92">
        <v>0.11110504704677444</v>
      </c>
      <c r="K195" s="194">
        <v>2.6807716986977884E-2</v>
      </c>
      <c r="L195" s="92">
        <v>4.851253253587029E-2</v>
      </c>
    </row>
    <row r="196" spans="1:45">
      <c r="A196" s="52" t="s">
        <v>544</v>
      </c>
      <c r="B196" s="195">
        <v>56</v>
      </c>
      <c r="C196" s="79">
        <v>4.2865523179695355</v>
      </c>
      <c r="D196" s="80">
        <v>0.45631659247512052</v>
      </c>
      <c r="E196" s="193">
        <v>0.36280230382121559</v>
      </c>
      <c r="F196" s="89">
        <v>0.12479393535121257</v>
      </c>
      <c r="G196" s="193">
        <v>0.19218304044692416</v>
      </c>
      <c r="H196" s="89">
        <v>0.10566018066971467</v>
      </c>
      <c r="I196" s="193">
        <v>0.44388692527946111</v>
      </c>
      <c r="J196" s="89">
        <v>0.12838929143957256</v>
      </c>
      <c r="K196" s="193">
        <v>1.1277304523991797E-3</v>
      </c>
      <c r="L196" s="89">
        <v>4.7048551441721244E-2</v>
      </c>
    </row>
    <row r="197" spans="1:45">
      <c r="A197" s="44" t="s">
        <v>545</v>
      </c>
      <c r="B197" s="196">
        <v>635</v>
      </c>
      <c r="C197" s="175">
        <v>4.4681437917819586</v>
      </c>
      <c r="D197" s="127">
        <v>0.13053633175785556</v>
      </c>
      <c r="E197" s="194">
        <v>0.26408268997281492</v>
      </c>
      <c r="F197" s="92">
        <v>3.4941278070615069E-2</v>
      </c>
      <c r="G197" s="194">
        <v>0.1690806765968221</v>
      </c>
      <c r="H197" s="92">
        <v>2.9799444125087411E-2</v>
      </c>
      <c r="I197" s="194">
        <v>0.53730481019764964</v>
      </c>
      <c r="J197" s="92">
        <v>3.945050736931785E-2</v>
      </c>
      <c r="K197" s="194">
        <v>2.9531823232717164E-2</v>
      </c>
      <c r="L197" s="92">
        <v>1.4024817059748573E-2</v>
      </c>
    </row>
    <row r="198" spans="1:45">
      <c r="A198" s="52" t="s">
        <v>546</v>
      </c>
      <c r="B198" s="195">
        <v>66</v>
      </c>
      <c r="C198" s="79">
        <v>4.3427307365509638</v>
      </c>
      <c r="D198" s="80">
        <v>0.38349730415175892</v>
      </c>
      <c r="E198" s="193">
        <v>0.29484567371040954</v>
      </c>
      <c r="F198" s="89">
        <v>0.110216504437557</v>
      </c>
      <c r="G198" s="193">
        <v>0.17139222421839848</v>
      </c>
      <c r="H198" s="89">
        <v>9.3809915478286168E-2</v>
      </c>
      <c r="I198" s="193">
        <v>0.50305080084486464</v>
      </c>
      <c r="J198" s="89">
        <v>0.11952088303459774</v>
      </c>
      <c r="K198" s="193">
        <v>3.0711301226327498E-2</v>
      </c>
      <c r="L198" s="89">
        <v>5.5661400178459573E-2</v>
      </c>
    </row>
    <row r="199" spans="1:45">
      <c r="A199" s="44" t="s">
        <v>547</v>
      </c>
      <c r="B199" s="196">
        <v>146</v>
      </c>
      <c r="C199" s="175">
        <v>4.4439264495121495</v>
      </c>
      <c r="D199" s="127">
        <v>0.26316050974642896</v>
      </c>
      <c r="E199" s="194">
        <v>0.26855324931625846</v>
      </c>
      <c r="F199" s="92">
        <v>7.2892843300278731E-2</v>
      </c>
      <c r="G199" s="194">
        <v>0.1855130822830785</v>
      </c>
      <c r="H199" s="92">
        <v>6.4560549922077978E-2</v>
      </c>
      <c r="I199" s="194">
        <v>0.51342149417862992</v>
      </c>
      <c r="J199" s="92">
        <v>8.162178511112686E-2</v>
      </c>
      <c r="K199" s="194">
        <v>3.2512174222034396E-2</v>
      </c>
      <c r="L199" s="92">
        <v>3.3844920571878281E-2</v>
      </c>
    </row>
    <row r="200" spans="1:45">
      <c r="A200" s="52" t="s">
        <v>548</v>
      </c>
      <c r="B200" s="195">
        <v>163</v>
      </c>
      <c r="C200" s="79">
        <v>4.3926905507846312</v>
      </c>
      <c r="D200" s="80">
        <v>0.24772005247207518</v>
      </c>
      <c r="E200" s="193">
        <v>0.26823449712782604</v>
      </c>
      <c r="F200" s="89">
        <v>6.9009609785268919E-2</v>
      </c>
      <c r="G200" s="193">
        <v>0.17130221284929575</v>
      </c>
      <c r="H200" s="89">
        <v>5.9352081827527603E-2</v>
      </c>
      <c r="I200" s="193">
        <v>0.53250204423040259</v>
      </c>
      <c r="J200" s="89">
        <v>7.7226413563154697E-2</v>
      </c>
      <c r="K200" s="193">
        <v>2.7961245792476098E-2</v>
      </c>
      <c r="L200" s="89">
        <v>3.0060068300153221E-2</v>
      </c>
    </row>
    <row r="201" spans="1:45">
      <c r="A201" s="44" t="s">
        <v>549</v>
      </c>
      <c r="B201" s="196">
        <v>71</v>
      </c>
      <c r="C201" s="175">
        <v>4.0035677250537658</v>
      </c>
      <c r="D201" s="127">
        <v>0.42749448678536667</v>
      </c>
      <c r="E201" s="194">
        <v>0.37939161679524763</v>
      </c>
      <c r="F201" s="92">
        <v>0.1124191811902992</v>
      </c>
      <c r="G201" s="194">
        <v>0.17674535153832882</v>
      </c>
      <c r="H201" s="92">
        <v>9.1317814738014993E-2</v>
      </c>
      <c r="I201" s="194">
        <v>0.44281482214590739</v>
      </c>
      <c r="J201" s="92">
        <v>0.11479125846152737</v>
      </c>
      <c r="K201" s="194">
        <v>1.0482095205153954E-3</v>
      </c>
      <c r="L201" s="92">
        <v>3.7872736343396655E-2</v>
      </c>
    </row>
    <row r="202" spans="1:45">
      <c r="A202" s="52" t="s">
        <v>550</v>
      </c>
      <c r="B202" s="195">
        <v>122</v>
      </c>
      <c r="C202" s="79">
        <v>4.8458417972614152</v>
      </c>
      <c r="D202" s="80">
        <v>0.29489438271230251</v>
      </c>
      <c r="E202" s="193">
        <v>0.20024259683244641</v>
      </c>
      <c r="F202" s="89">
        <v>7.2541173989952287E-2</v>
      </c>
      <c r="G202" s="193">
        <v>0.12596091451009123</v>
      </c>
      <c r="H202" s="89">
        <v>6.1421426584223643E-2</v>
      </c>
      <c r="I202" s="193">
        <v>0.63130641653018638</v>
      </c>
      <c r="J202" s="89">
        <v>8.6158941242750878E-2</v>
      </c>
      <c r="K202" s="193">
        <v>4.2490072127275021E-2</v>
      </c>
      <c r="L202" s="89">
        <v>4.1313197162162037E-2</v>
      </c>
    </row>
    <row r="203" spans="1:45">
      <c r="A203" s="44" t="s">
        <v>551</v>
      </c>
      <c r="B203" s="196">
        <v>67</v>
      </c>
      <c r="C203" s="175">
        <v>4.2844226461931596</v>
      </c>
      <c r="D203" s="127">
        <v>0.41693074572771049</v>
      </c>
      <c r="E203" s="194">
        <v>0.28925819587620671</v>
      </c>
      <c r="F203" s="92">
        <v>0.1088871001628066</v>
      </c>
      <c r="G203" s="194">
        <v>0.22412933215081207</v>
      </c>
      <c r="H203" s="92">
        <v>0.10132335343042197</v>
      </c>
      <c r="I203" s="194">
        <v>0.46749720825173158</v>
      </c>
      <c r="J203" s="92">
        <v>0.11845466238546153</v>
      </c>
      <c r="K203" s="194">
        <v>1.9115263721249168E-2</v>
      </c>
      <c r="L203" s="92">
        <v>4.9829139774483104E-2</v>
      </c>
    </row>
    <row r="204" spans="1:45">
      <c r="P204" s="242"/>
      <c r="Q204" s="242"/>
      <c r="R204" s="242"/>
      <c r="S204" s="242"/>
      <c r="T204" s="242"/>
      <c r="U204" s="242"/>
      <c r="V204" s="242"/>
      <c r="W204" s="242"/>
      <c r="X204" s="242"/>
      <c r="Y204" s="242"/>
      <c r="Z204" s="242"/>
      <c r="AA204" s="242"/>
      <c r="AB204" s="242"/>
      <c r="AC204" s="242"/>
      <c r="AD204" s="242"/>
      <c r="AE204" s="242"/>
      <c r="AF204" s="242"/>
      <c r="AG204" s="242"/>
      <c r="AH204" s="242"/>
      <c r="AI204" s="242"/>
      <c r="AJ204" s="242"/>
      <c r="AK204" s="242"/>
      <c r="AL204" s="242"/>
      <c r="AM204" s="242"/>
      <c r="AN204" s="242"/>
      <c r="AO204" s="242"/>
      <c r="AP204" s="242"/>
      <c r="AQ204" s="242"/>
      <c r="AR204" s="242"/>
      <c r="AS204" s="242"/>
    </row>
    <row r="205" spans="1:45">
      <c r="P205" s="242"/>
      <c r="Q205" s="242"/>
      <c r="R205" s="242"/>
      <c r="S205" s="242"/>
      <c r="T205" s="242"/>
      <c r="U205" s="242"/>
      <c r="V205" s="242"/>
      <c r="W205" s="242"/>
      <c r="X205" s="242"/>
      <c r="Y205" s="242"/>
      <c r="Z205" s="242"/>
      <c r="AA205" s="242"/>
      <c r="AB205" s="242"/>
      <c r="AC205" s="242"/>
      <c r="AD205" s="242"/>
      <c r="AE205" s="242"/>
      <c r="AF205" s="242"/>
      <c r="AG205" s="242"/>
      <c r="AH205" s="242"/>
      <c r="AI205" s="242"/>
      <c r="AJ205" s="242"/>
      <c r="AK205" s="242"/>
      <c r="AL205" s="242"/>
      <c r="AM205" s="242"/>
      <c r="AN205" s="242"/>
      <c r="AO205" s="242"/>
      <c r="AP205" s="242"/>
      <c r="AQ205" s="242"/>
      <c r="AR205" s="242"/>
      <c r="AS205" s="242"/>
    </row>
    <row r="206" spans="1:45" ht="18.75">
      <c r="A206" s="416" t="s">
        <v>422</v>
      </c>
      <c r="B206" s="416"/>
      <c r="C206" s="416"/>
      <c r="D206" s="416"/>
      <c r="P206" s="242"/>
      <c r="Q206" s="242"/>
      <c r="R206" s="242"/>
      <c r="S206" s="242"/>
      <c r="T206" s="242"/>
      <c r="U206" s="242"/>
      <c r="V206" s="242"/>
      <c r="W206" s="242"/>
      <c r="X206" s="242"/>
      <c r="Y206" s="242"/>
      <c r="Z206" s="242"/>
      <c r="AA206" s="242"/>
      <c r="AB206" s="242"/>
      <c r="AC206" s="242"/>
      <c r="AD206" s="242"/>
      <c r="AE206" s="242"/>
      <c r="AF206" s="242"/>
      <c r="AG206" s="242"/>
      <c r="AH206" s="242"/>
      <c r="AI206" s="242"/>
      <c r="AJ206" s="242"/>
      <c r="AK206" s="242"/>
      <c r="AL206" s="242"/>
      <c r="AM206" s="242"/>
      <c r="AN206" s="242"/>
      <c r="AO206" s="242"/>
      <c r="AP206" s="242"/>
      <c r="AQ206" s="242"/>
      <c r="AR206" s="242"/>
      <c r="AS206" s="242"/>
    </row>
    <row r="207" spans="1:45" ht="90" customHeight="1">
      <c r="A207" s="418" t="s">
        <v>423</v>
      </c>
      <c r="B207" s="418"/>
      <c r="C207" s="418"/>
      <c r="D207" s="418"/>
      <c r="P207" s="242"/>
      <c r="Q207" s="242"/>
      <c r="R207" s="242"/>
      <c r="S207" s="242"/>
      <c r="T207" s="242"/>
      <c r="U207" s="242"/>
      <c r="V207" s="242"/>
      <c r="W207" s="242"/>
      <c r="X207" s="242"/>
      <c r="Y207" s="242"/>
      <c r="Z207" s="242"/>
      <c r="AA207" s="242"/>
      <c r="AB207" s="242"/>
      <c r="AC207" s="242"/>
      <c r="AD207" s="242"/>
      <c r="AE207" s="242"/>
      <c r="AF207" s="242"/>
      <c r="AG207" s="242"/>
      <c r="AH207" s="242"/>
      <c r="AI207" s="242"/>
      <c r="AJ207" s="242"/>
      <c r="AK207" s="242"/>
      <c r="AL207" s="242"/>
      <c r="AM207" s="242"/>
      <c r="AN207" s="242"/>
      <c r="AO207" s="242"/>
      <c r="AP207" s="242"/>
      <c r="AQ207" s="242"/>
      <c r="AR207" s="242"/>
      <c r="AS207" s="242"/>
    </row>
    <row r="208" spans="1:45" ht="51.75" customHeight="1">
      <c r="A208" s="402" t="s">
        <v>424</v>
      </c>
      <c r="B208" s="402"/>
      <c r="C208" s="402"/>
      <c r="D208" s="402"/>
      <c r="P208" s="242"/>
      <c r="Q208" s="242"/>
      <c r="R208" s="242"/>
      <c r="S208" s="242"/>
      <c r="T208" s="242"/>
      <c r="U208" s="242"/>
      <c r="V208" s="242"/>
      <c r="W208" s="242"/>
      <c r="X208" s="242"/>
      <c r="Y208" s="242"/>
      <c r="Z208" s="242"/>
      <c r="AA208" s="242"/>
      <c r="AB208" s="242"/>
      <c r="AC208" s="242"/>
      <c r="AD208" s="242"/>
      <c r="AE208" s="242"/>
      <c r="AF208" s="242"/>
      <c r="AG208" s="242"/>
      <c r="AH208" s="242"/>
      <c r="AI208" s="242"/>
      <c r="AJ208" s="242"/>
      <c r="AK208" s="242"/>
      <c r="AL208" s="242"/>
      <c r="AM208" s="242"/>
      <c r="AN208" s="242"/>
      <c r="AO208" s="242"/>
      <c r="AP208" s="242"/>
      <c r="AQ208" s="242"/>
      <c r="AR208" s="242"/>
      <c r="AS208" s="242"/>
    </row>
    <row r="209" spans="1:45" ht="72">
      <c r="A209" s="32" t="s">
        <v>71</v>
      </c>
      <c r="B209" s="33" t="s">
        <v>72</v>
      </c>
      <c r="C209" s="34" t="s">
        <v>589</v>
      </c>
      <c r="D209" s="35" t="s">
        <v>73</v>
      </c>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2"/>
      <c r="AK209" s="242"/>
      <c r="AL209" s="242"/>
      <c r="AM209" s="242"/>
      <c r="AN209" s="242"/>
      <c r="AO209" s="242"/>
      <c r="AP209" s="242"/>
      <c r="AQ209" s="242"/>
      <c r="AR209" s="242"/>
      <c r="AS209" s="242"/>
    </row>
    <row r="210" spans="1:45" ht="72">
      <c r="A210" s="36"/>
      <c r="B210" s="37" t="s">
        <v>74</v>
      </c>
      <c r="C210" s="123" t="s">
        <v>304</v>
      </c>
      <c r="D210" s="39" t="s">
        <v>76</v>
      </c>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2"/>
      <c r="AK210" s="242"/>
      <c r="AL210" s="242"/>
      <c r="AM210" s="242"/>
      <c r="AN210" s="242"/>
      <c r="AO210" s="242"/>
      <c r="AP210" s="242"/>
      <c r="AQ210" s="242"/>
      <c r="AR210" s="242"/>
      <c r="AS210" s="242"/>
    </row>
    <row r="211" spans="1:45">
      <c r="A211" s="40" t="s">
        <v>349</v>
      </c>
      <c r="B211" s="195">
        <v>12593</v>
      </c>
      <c r="C211" s="79">
        <v>5.1060011985267124</v>
      </c>
      <c r="D211" s="80">
        <v>2.7925078840023133E-2</v>
      </c>
      <c r="P211" s="242"/>
      <c r="Q211" s="242"/>
      <c r="R211" s="242"/>
      <c r="S211" s="242"/>
      <c r="T211" s="242"/>
      <c r="U211" s="242"/>
      <c r="V211" s="242"/>
      <c r="W211" s="242"/>
      <c r="X211" s="242"/>
      <c r="Y211" s="242"/>
      <c r="Z211" s="242"/>
      <c r="AA211" s="242"/>
      <c r="AB211" s="242"/>
      <c r="AC211" s="242"/>
      <c r="AD211" s="242"/>
      <c r="AE211" s="242"/>
      <c r="AF211" s="242"/>
      <c r="AG211" s="242"/>
      <c r="AH211" s="242"/>
      <c r="AI211" s="242"/>
      <c r="AJ211" s="242"/>
      <c r="AK211" s="242"/>
      <c r="AL211" s="242"/>
      <c r="AM211" s="242"/>
      <c r="AN211" s="242"/>
      <c r="AO211" s="242"/>
      <c r="AP211" s="242"/>
      <c r="AQ211" s="242"/>
      <c r="AR211" s="242"/>
      <c r="AS211" s="242"/>
    </row>
    <row r="212" spans="1:45">
      <c r="A212" s="44" t="s">
        <v>350</v>
      </c>
      <c r="B212" s="44">
        <v>9432</v>
      </c>
      <c r="C212" s="175">
        <v>4.9040010505054754</v>
      </c>
      <c r="D212" s="127">
        <v>3.3560466122883263E-2</v>
      </c>
      <c r="P212" s="242"/>
      <c r="Q212" s="242"/>
      <c r="R212" s="242"/>
      <c r="S212" s="242"/>
      <c r="T212" s="242"/>
      <c r="U212" s="242"/>
      <c r="V212" s="242"/>
      <c r="W212" s="242"/>
      <c r="X212" s="242"/>
      <c r="Y212" s="242"/>
      <c r="Z212" s="242"/>
      <c r="AA212" s="242"/>
      <c r="AB212" s="242"/>
      <c r="AC212" s="242"/>
      <c r="AD212" s="242"/>
      <c r="AE212" s="242"/>
      <c r="AF212" s="242"/>
      <c r="AG212" s="242"/>
      <c r="AH212" s="242"/>
      <c r="AI212" s="242"/>
      <c r="AJ212" s="242"/>
      <c r="AK212" s="242"/>
      <c r="AL212" s="242"/>
      <c r="AM212" s="242"/>
      <c r="AN212" s="242"/>
      <c r="AO212" s="242"/>
      <c r="AP212" s="242"/>
      <c r="AQ212" s="242"/>
      <c r="AR212" s="242"/>
      <c r="AS212" s="242"/>
    </row>
    <row r="213" spans="1:45">
      <c r="A213" s="40" t="s">
        <v>351</v>
      </c>
      <c r="B213" s="48">
        <v>3161</v>
      </c>
      <c r="C213" s="79">
        <v>5.2769408652534873</v>
      </c>
      <c r="D213" s="80">
        <v>4.6376554682555408E-2</v>
      </c>
      <c r="P213" s="242"/>
      <c r="Q213" s="242"/>
      <c r="R213" s="242"/>
      <c r="S213" s="242"/>
      <c r="T213" s="242"/>
      <c r="U213" s="242"/>
      <c r="V213" s="242"/>
      <c r="W213" s="242"/>
      <c r="X213" s="242"/>
      <c r="Y213" s="242"/>
      <c r="Z213" s="242"/>
      <c r="AA213" s="242"/>
      <c r="AB213" s="242"/>
      <c r="AC213" s="242"/>
      <c r="AD213" s="242"/>
      <c r="AE213" s="242"/>
      <c r="AF213" s="242"/>
      <c r="AG213" s="242"/>
      <c r="AH213" s="242"/>
      <c r="AI213" s="242"/>
      <c r="AJ213" s="242"/>
      <c r="AK213" s="242"/>
      <c r="AL213" s="242"/>
      <c r="AM213" s="242"/>
      <c r="AN213" s="242"/>
      <c r="AO213" s="242"/>
      <c r="AP213" s="242"/>
      <c r="AQ213" s="242"/>
      <c r="AR213" s="242"/>
      <c r="AS213" s="242"/>
    </row>
    <row r="214" spans="1:45">
      <c r="A214" s="44" t="s">
        <v>533</v>
      </c>
      <c r="B214" s="44">
        <v>2937</v>
      </c>
      <c r="C214" s="175">
        <v>5.2805501792561778</v>
      </c>
      <c r="D214" s="127">
        <v>5.6365124611320087E-2</v>
      </c>
      <c r="P214" s="242"/>
      <c r="Q214" s="242"/>
      <c r="R214" s="242"/>
      <c r="S214" s="242"/>
      <c r="T214" s="242"/>
      <c r="U214" s="242"/>
      <c r="V214" s="242"/>
      <c r="W214" s="242"/>
      <c r="X214" s="242"/>
      <c r="Y214" s="242"/>
      <c r="Z214" s="242"/>
      <c r="AA214" s="242"/>
      <c r="AB214" s="242"/>
      <c r="AC214" s="242"/>
      <c r="AD214" s="242"/>
      <c r="AE214" s="242"/>
      <c r="AF214" s="242"/>
      <c r="AG214" s="242"/>
      <c r="AH214" s="242"/>
      <c r="AI214" s="242"/>
      <c r="AJ214" s="242"/>
      <c r="AK214" s="242"/>
      <c r="AL214" s="242"/>
      <c r="AM214" s="242"/>
      <c r="AN214" s="242"/>
      <c r="AO214" s="242"/>
      <c r="AP214" s="242"/>
      <c r="AQ214" s="242"/>
      <c r="AR214" s="242"/>
      <c r="AS214" s="242"/>
    </row>
    <row r="215" spans="1:45">
      <c r="A215" s="40" t="s">
        <v>534</v>
      </c>
      <c r="B215" s="48">
        <v>2337</v>
      </c>
      <c r="C215" s="79">
        <v>4.925828665028928</v>
      </c>
      <c r="D215" s="80">
        <v>6.5222275926503676E-2</v>
      </c>
      <c r="P215" s="242"/>
      <c r="Q215" s="242"/>
      <c r="R215" s="242"/>
      <c r="S215" s="242"/>
      <c r="T215" s="242"/>
      <c r="U215" s="242"/>
      <c r="V215" s="242"/>
      <c r="W215" s="242"/>
      <c r="X215" s="242"/>
      <c r="Y215" s="242"/>
      <c r="Z215" s="242"/>
      <c r="AA215" s="242"/>
      <c r="AB215" s="242"/>
      <c r="AC215" s="242"/>
      <c r="AD215" s="242"/>
      <c r="AE215" s="242"/>
      <c r="AF215" s="242"/>
      <c r="AG215" s="242"/>
      <c r="AH215" s="242"/>
      <c r="AI215" s="242"/>
      <c r="AJ215" s="242"/>
      <c r="AK215" s="242"/>
      <c r="AL215" s="242"/>
      <c r="AM215" s="242"/>
      <c r="AN215" s="242"/>
      <c r="AO215" s="242"/>
      <c r="AP215" s="242"/>
      <c r="AQ215" s="242"/>
      <c r="AR215" s="242"/>
      <c r="AS215" s="242"/>
    </row>
    <row r="216" spans="1:45">
      <c r="A216" s="44" t="s">
        <v>535</v>
      </c>
      <c r="B216" s="44">
        <v>452</v>
      </c>
      <c r="C216" s="175">
        <v>5.1555559577378416</v>
      </c>
      <c r="D216" s="127">
        <v>0.14780231274410369</v>
      </c>
      <c r="P216" s="242"/>
      <c r="Q216" s="242"/>
      <c r="R216" s="242"/>
      <c r="S216" s="242"/>
      <c r="T216" s="242"/>
      <c r="U216" s="242"/>
      <c r="V216" s="242"/>
      <c r="W216" s="242"/>
      <c r="X216" s="242"/>
      <c r="Y216" s="242"/>
      <c r="Z216" s="242"/>
      <c r="AA216" s="242"/>
      <c r="AB216" s="242"/>
      <c r="AC216" s="242"/>
      <c r="AD216" s="242"/>
      <c r="AE216" s="242"/>
      <c r="AF216" s="242"/>
      <c r="AG216" s="242"/>
      <c r="AH216" s="242"/>
      <c r="AI216" s="242"/>
      <c r="AJ216" s="242"/>
      <c r="AK216" s="242"/>
      <c r="AL216" s="242"/>
      <c r="AM216" s="242"/>
      <c r="AN216" s="242"/>
      <c r="AO216" s="242"/>
      <c r="AP216" s="242"/>
      <c r="AQ216" s="242"/>
      <c r="AR216" s="242"/>
      <c r="AS216" s="242"/>
    </row>
    <row r="217" spans="1:45">
      <c r="A217" s="40" t="s">
        <v>536</v>
      </c>
      <c r="B217" s="48">
        <v>83</v>
      </c>
      <c r="C217" s="79">
        <v>4.7615135283433281</v>
      </c>
      <c r="D217" s="80">
        <v>0.36548489570697934</v>
      </c>
      <c r="P217" s="242"/>
      <c r="Q217" s="242"/>
      <c r="R217" s="242"/>
      <c r="S217" s="242"/>
      <c r="T217" s="242"/>
      <c r="U217" s="242"/>
      <c r="V217" s="242"/>
      <c r="W217" s="242"/>
      <c r="X217" s="242"/>
      <c r="Y217" s="242"/>
      <c r="Z217" s="242"/>
      <c r="AA217" s="242"/>
      <c r="AB217" s="242"/>
      <c r="AC217" s="242"/>
      <c r="AD217" s="242"/>
      <c r="AE217" s="242"/>
      <c r="AF217" s="242"/>
      <c r="AG217" s="242"/>
      <c r="AH217" s="242"/>
      <c r="AI217" s="242"/>
      <c r="AJ217" s="242"/>
      <c r="AK217" s="242"/>
      <c r="AL217" s="242"/>
      <c r="AM217" s="242"/>
      <c r="AN217" s="242"/>
      <c r="AO217" s="242"/>
      <c r="AP217" s="242"/>
      <c r="AQ217" s="242"/>
      <c r="AR217" s="242"/>
      <c r="AS217" s="242"/>
    </row>
    <row r="218" spans="1:45">
      <c r="A218" s="44" t="s">
        <v>537</v>
      </c>
      <c r="B218" s="44">
        <v>134</v>
      </c>
      <c r="C218" s="175">
        <v>5.0807981086843759</v>
      </c>
      <c r="D218" s="127">
        <v>0.28884631435185776</v>
      </c>
      <c r="P218" s="242"/>
      <c r="Q218" s="242"/>
      <c r="R218" s="242"/>
      <c r="S218" s="242"/>
      <c r="T218" s="242"/>
      <c r="U218" s="242"/>
      <c r="V218" s="242"/>
      <c r="W218" s="242"/>
      <c r="X218" s="242"/>
      <c r="Y218" s="242"/>
      <c r="Z218" s="242"/>
      <c r="AA218" s="242"/>
      <c r="AB218" s="242"/>
      <c r="AC218" s="242"/>
      <c r="AD218" s="242"/>
      <c r="AE218" s="242"/>
      <c r="AF218" s="242"/>
      <c r="AG218" s="242"/>
      <c r="AH218" s="242"/>
      <c r="AI218" s="242"/>
      <c r="AJ218" s="242"/>
      <c r="AK218" s="242"/>
      <c r="AL218" s="242"/>
      <c r="AM218" s="242"/>
      <c r="AN218" s="242"/>
      <c r="AO218" s="242"/>
      <c r="AP218" s="242"/>
      <c r="AQ218" s="242"/>
      <c r="AR218" s="242"/>
      <c r="AS218" s="242"/>
    </row>
    <row r="219" spans="1:45">
      <c r="A219" s="40" t="s">
        <v>538</v>
      </c>
      <c r="B219" s="48">
        <v>101</v>
      </c>
      <c r="C219" s="79">
        <v>5.308202858555501</v>
      </c>
      <c r="D219" s="80">
        <v>0.30585141447522585</v>
      </c>
      <c r="P219" s="242"/>
      <c r="Q219" s="242"/>
      <c r="R219" s="242"/>
      <c r="S219" s="242"/>
      <c r="T219" s="242"/>
      <c r="U219" s="242"/>
      <c r="V219" s="242"/>
      <c r="W219" s="242"/>
      <c r="X219" s="242"/>
      <c r="Y219" s="242"/>
      <c r="Z219" s="242"/>
      <c r="AA219" s="242"/>
      <c r="AB219" s="242"/>
      <c r="AC219" s="242"/>
      <c r="AD219" s="242"/>
      <c r="AE219" s="242"/>
      <c r="AF219" s="242"/>
      <c r="AG219" s="242"/>
      <c r="AH219" s="242"/>
      <c r="AI219" s="242"/>
      <c r="AJ219" s="242"/>
      <c r="AK219" s="242"/>
      <c r="AL219" s="242"/>
      <c r="AM219" s="242"/>
      <c r="AN219" s="242"/>
      <c r="AO219" s="242"/>
      <c r="AP219" s="242"/>
      <c r="AQ219" s="242"/>
      <c r="AR219" s="242"/>
      <c r="AS219" s="242"/>
    </row>
    <row r="220" spans="1:45">
      <c r="A220" s="44" t="s">
        <v>539</v>
      </c>
      <c r="B220" s="44">
        <v>134</v>
      </c>
      <c r="C220" s="175">
        <v>5.2904703798473536</v>
      </c>
      <c r="D220" s="127">
        <v>0.24047189686955212</v>
      </c>
      <c r="P220" s="242"/>
      <c r="Q220" s="242"/>
      <c r="R220" s="242"/>
      <c r="S220" s="242"/>
      <c r="T220" s="242"/>
      <c r="U220" s="242"/>
      <c r="V220" s="242"/>
      <c r="W220" s="242"/>
      <c r="X220" s="242"/>
      <c r="Y220" s="242"/>
      <c r="Z220" s="242"/>
      <c r="AA220" s="242"/>
      <c r="AB220" s="242"/>
      <c r="AC220" s="242"/>
      <c r="AD220" s="242"/>
      <c r="AE220" s="242"/>
      <c r="AF220" s="242"/>
      <c r="AG220" s="242"/>
      <c r="AH220" s="242"/>
      <c r="AI220" s="242"/>
      <c r="AJ220" s="242"/>
      <c r="AK220" s="242"/>
      <c r="AL220" s="242"/>
      <c r="AM220" s="242"/>
      <c r="AN220" s="242"/>
      <c r="AO220" s="242"/>
      <c r="AP220" s="242"/>
      <c r="AQ220" s="242"/>
      <c r="AR220" s="242"/>
      <c r="AS220" s="242"/>
    </row>
    <row r="221" spans="1:45">
      <c r="A221" s="40" t="s">
        <v>540</v>
      </c>
      <c r="B221" s="195">
        <v>320</v>
      </c>
      <c r="C221" s="79">
        <v>4.9211989819870166</v>
      </c>
      <c r="D221" s="80">
        <v>0.18345847923856201</v>
      </c>
      <c r="P221" s="242"/>
      <c r="Q221" s="242"/>
      <c r="R221" s="242"/>
      <c r="S221" s="242"/>
      <c r="T221" s="242"/>
      <c r="U221" s="242"/>
      <c r="V221" s="242"/>
      <c r="W221" s="242"/>
      <c r="X221" s="242"/>
      <c r="Y221" s="242"/>
      <c r="Z221" s="242"/>
      <c r="AA221" s="242"/>
      <c r="AB221" s="242"/>
      <c r="AC221" s="242"/>
      <c r="AD221" s="242"/>
      <c r="AE221" s="242"/>
      <c r="AF221" s="242"/>
      <c r="AG221" s="242"/>
      <c r="AH221" s="242"/>
      <c r="AI221" s="242"/>
      <c r="AJ221" s="242"/>
      <c r="AK221" s="242"/>
      <c r="AL221" s="242"/>
      <c r="AM221" s="242"/>
      <c r="AN221" s="242"/>
      <c r="AO221" s="242"/>
      <c r="AP221" s="242"/>
      <c r="AQ221" s="242"/>
      <c r="AR221" s="242"/>
      <c r="AS221" s="242"/>
    </row>
    <row r="222" spans="1:45">
      <c r="A222" s="44" t="s">
        <v>541</v>
      </c>
      <c r="B222" s="196">
        <v>105</v>
      </c>
      <c r="C222" s="175">
        <v>4.9272834438216782</v>
      </c>
      <c r="D222" s="127">
        <v>0.31494880875588693</v>
      </c>
      <c r="P222" s="242"/>
      <c r="Q222" s="242"/>
      <c r="R222" s="242"/>
      <c r="S222" s="242"/>
      <c r="T222" s="242"/>
      <c r="U222" s="242"/>
      <c r="V222" s="242"/>
      <c r="W222" s="242"/>
      <c r="X222" s="242"/>
      <c r="Y222" s="242"/>
      <c r="Z222" s="242"/>
      <c r="AA222" s="242"/>
      <c r="AB222" s="242"/>
      <c r="AC222" s="242"/>
      <c r="AD222" s="242"/>
      <c r="AE222" s="242"/>
      <c r="AF222" s="242"/>
      <c r="AG222" s="242"/>
      <c r="AH222" s="242"/>
      <c r="AI222" s="242"/>
      <c r="AJ222" s="242"/>
      <c r="AK222" s="242"/>
      <c r="AL222" s="242"/>
      <c r="AM222" s="242"/>
      <c r="AN222" s="242"/>
      <c r="AO222" s="242"/>
      <c r="AP222" s="242"/>
      <c r="AQ222" s="242"/>
      <c r="AR222" s="242"/>
      <c r="AS222" s="242"/>
    </row>
    <row r="223" spans="1:45">
      <c r="A223" s="40" t="s">
        <v>542</v>
      </c>
      <c r="B223" s="49">
        <v>89</v>
      </c>
      <c r="C223" s="79">
        <v>5.409062620775547</v>
      </c>
      <c r="D223" s="80">
        <v>0.38459519002728637</v>
      </c>
      <c r="P223" s="242"/>
      <c r="Q223" s="242"/>
      <c r="R223" s="242"/>
      <c r="S223" s="242"/>
      <c r="T223" s="242"/>
      <c r="U223" s="242"/>
      <c r="V223" s="242"/>
      <c r="W223" s="242"/>
      <c r="X223" s="242"/>
      <c r="Y223" s="242"/>
      <c r="Z223" s="242"/>
      <c r="AA223" s="242"/>
      <c r="AB223" s="242"/>
      <c r="AC223" s="242"/>
      <c r="AD223" s="242"/>
      <c r="AE223" s="242"/>
      <c r="AF223" s="242"/>
      <c r="AG223" s="242"/>
      <c r="AH223" s="242"/>
      <c r="AI223" s="242"/>
      <c r="AJ223" s="242"/>
      <c r="AK223" s="242"/>
      <c r="AL223" s="242"/>
      <c r="AM223" s="242"/>
      <c r="AN223" s="242"/>
      <c r="AO223" s="242"/>
      <c r="AP223" s="242"/>
      <c r="AQ223" s="242"/>
      <c r="AR223" s="242"/>
      <c r="AS223" s="242"/>
    </row>
    <row r="224" spans="1:45">
      <c r="A224" s="44" t="s">
        <v>543</v>
      </c>
      <c r="B224" s="196">
        <v>69</v>
      </c>
      <c r="C224" s="175">
        <v>4.7728919754660355</v>
      </c>
      <c r="D224" s="127">
        <v>0.35708856444242842</v>
      </c>
      <c r="P224" s="242"/>
      <c r="Q224" s="242"/>
      <c r="R224" s="242"/>
      <c r="S224" s="242"/>
      <c r="T224" s="242"/>
      <c r="U224" s="242"/>
      <c r="V224" s="242"/>
      <c r="W224" s="242"/>
      <c r="X224" s="242"/>
      <c r="Y224" s="242"/>
      <c r="Z224" s="242"/>
      <c r="AA224" s="242"/>
      <c r="AB224" s="242"/>
      <c r="AC224" s="242"/>
      <c r="AD224" s="242"/>
      <c r="AE224" s="242"/>
      <c r="AF224" s="242"/>
      <c r="AG224" s="242"/>
      <c r="AH224" s="242"/>
      <c r="AI224" s="242"/>
      <c r="AJ224" s="242"/>
      <c r="AK224" s="242"/>
      <c r="AL224" s="242"/>
      <c r="AM224" s="242"/>
      <c r="AN224" s="242"/>
      <c r="AO224" s="242"/>
      <c r="AP224" s="242"/>
      <c r="AQ224" s="242"/>
      <c r="AR224" s="242"/>
      <c r="AS224" s="242"/>
    </row>
    <row r="225" spans="1:45">
      <c r="A225" s="52" t="s">
        <v>544</v>
      </c>
      <c r="B225" s="195">
        <v>57</v>
      </c>
      <c r="C225" s="79">
        <v>4.0539266880963432</v>
      </c>
      <c r="D225" s="80">
        <v>0.36303549085565501</v>
      </c>
      <c r="P225" s="242"/>
      <c r="Q225" s="242"/>
      <c r="R225" s="242"/>
      <c r="S225" s="242"/>
      <c r="T225" s="242"/>
      <c r="U225" s="242"/>
      <c r="V225" s="242"/>
      <c r="W225" s="242"/>
      <c r="X225" s="242"/>
      <c r="Y225" s="242"/>
      <c r="Z225" s="242"/>
      <c r="AA225" s="242"/>
      <c r="AB225" s="242"/>
      <c r="AC225" s="242"/>
      <c r="AD225" s="242"/>
      <c r="AE225" s="242"/>
      <c r="AF225" s="242"/>
      <c r="AG225" s="242"/>
      <c r="AH225" s="242"/>
      <c r="AI225" s="242"/>
      <c r="AJ225" s="242"/>
      <c r="AK225" s="242"/>
      <c r="AL225" s="242"/>
      <c r="AM225" s="242"/>
      <c r="AN225" s="242"/>
      <c r="AO225" s="242"/>
      <c r="AP225" s="242"/>
      <c r="AQ225" s="242"/>
      <c r="AR225" s="242"/>
      <c r="AS225" s="242"/>
    </row>
    <row r="226" spans="1:45">
      <c r="A226" s="44" t="s">
        <v>545</v>
      </c>
      <c r="B226" s="196">
        <v>594</v>
      </c>
      <c r="C226" s="175">
        <v>4.9775087416974895</v>
      </c>
      <c r="D226" s="127">
        <v>0.13239281760987334</v>
      </c>
      <c r="P226" s="242"/>
      <c r="Q226" s="242"/>
      <c r="R226" s="242"/>
      <c r="S226" s="242"/>
      <c r="T226" s="242"/>
      <c r="U226" s="242"/>
      <c r="V226" s="242"/>
      <c r="W226" s="242"/>
      <c r="X226" s="242"/>
      <c r="Y226" s="242"/>
      <c r="Z226" s="242"/>
      <c r="AA226" s="242"/>
      <c r="AB226" s="242"/>
      <c r="AC226" s="242"/>
      <c r="AD226" s="242"/>
      <c r="AE226" s="242"/>
      <c r="AF226" s="242"/>
      <c r="AG226" s="242"/>
      <c r="AH226" s="242"/>
      <c r="AI226" s="242"/>
      <c r="AJ226" s="242"/>
      <c r="AK226" s="242"/>
      <c r="AL226" s="242"/>
      <c r="AM226" s="242"/>
      <c r="AN226" s="242"/>
      <c r="AO226" s="242"/>
      <c r="AP226" s="242"/>
      <c r="AQ226" s="242"/>
      <c r="AR226" s="242"/>
      <c r="AS226" s="242"/>
    </row>
    <row r="227" spans="1:45">
      <c r="A227" s="52" t="s">
        <v>546</v>
      </c>
      <c r="B227" s="195">
        <v>61</v>
      </c>
      <c r="C227" s="79">
        <v>4.9304848285899414</v>
      </c>
      <c r="D227" s="80">
        <v>0.40462713827030206</v>
      </c>
      <c r="P227" s="242"/>
      <c r="Q227" s="242"/>
      <c r="R227" s="242"/>
      <c r="S227" s="242"/>
      <c r="T227" s="242"/>
      <c r="U227" s="242"/>
      <c r="V227" s="242"/>
      <c r="W227" s="242"/>
      <c r="X227" s="242"/>
      <c r="Y227" s="242"/>
      <c r="Z227" s="242"/>
      <c r="AA227" s="242"/>
      <c r="AB227" s="242"/>
      <c r="AC227" s="242"/>
      <c r="AD227" s="242"/>
      <c r="AE227" s="242"/>
      <c r="AF227" s="242"/>
      <c r="AG227" s="242"/>
      <c r="AH227" s="242"/>
      <c r="AI227" s="242"/>
      <c r="AJ227" s="242"/>
      <c r="AK227" s="242"/>
      <c r="AL227" s="242"/>
      <c r="AM227" s="242"/>
      <c r="AN227" s="242"/>
      <c r="AO227" s="242"/>
      <c r="AP227" s="242"/>
      <c r="AQ227" s="242"/>
      <c r="AR227" s="242"/>
      <c r="AS227" s="242"/>
    </row>
    <row r="228" spans="1:45">
      <c r="A228" s="44" t="s">
        <v>547</v>
      </c>
      <c r="B228" s="196">
        <v>140</v>
      </c>
      <c r="C228" s="175">
        <v>4.9158072247571631</v>
      </c>
      <c r="D228" s="127">
        <v>0.2549670454090181</v>
      </c>
      <c r="P228" s="242"/>
      <c r="Q228" s="242"/>
      <c r="R228" s="242"/>
      <c r="S228" s="242"/>
      <c r="T228" s="242"/>
      <c r="U228" s="242"/>
      <c r="V228" s="242"/>
      <c r="W228" s="242"/>
      <c r="X228" s="242"/>
      <c r="Y228" s="242"/>
      <c r="Z228" s="242"/>
      <c r="AA228" s="242"/>
      <c r="AB228" s="242"/>
      <c r="AC228" s="242"/>
      <c r="AD228" s="242"/>
      <c r="AE228" s="242"/>
      <c r="AF228" s="242"/>
      <c r="AG228" s="242"/>
      <c r="AH228" s="242"/>
      <c r="AI228" s="242"/>
      <c r="AJ228" s="242"/>
      <c r="AK228" s="242"/>
      <c r="AL228" s="242"/>
      <c r="AM228" s="242"/>
      <c r="AN228" s="242"/>
      <c r="AO228" s="242"/>
      <c r="AP228" s="242"/>
      <c r="AQ228" s="242"/>
      <c r="AR228" s="242"/>
      <c r="AS228" s="242"/>
    </row>
    <row r="229" spans="1:45">
      <c r="A229" s="52" t="s">
        <v>548</v>
      </c>
      <c r="B229" s="195">
        <v>149</v>
      </c>
      <c r="C229" s="79">
        <v>5.0073288848122646</v>
      </c>
      <c r="D229" s="80">
        <v>0.23898043027497962</v>
      </c>
      <c r="P229" s="242"/>
      <c r="Q229" s="242"/>
      <c r="R229" s="242"/>
      <c r="S229" s="242"/>
      <c r="T229" s="242"/>
      <c r="U229" s="242"/>
      <c r="V229" s="242"/>
      <c r="W229" s="242"/>
      <c r="X229" s="242"/>
      <c r="Y229" s="242"/>
      <c r="Z229" s="242"/>
      <c r="AA229" s="242"/>
      <c r="AB229" s="242"/>
      <c r="AC229" s="242"/>
      <c r="AD229" s="242"/>
      <c r="AE229" s="242"/>
      <c r="AF229" s="242"/>
      <c r="AG229" s="242"/>
      <c r="AH229" s="242"/>
      <c r="AI229" s="242"/>
      <c r="AJ229" s="242"/>
      <c r="AK229" s="242"/>
      <c r="AL229" s="242"/>
      <c r="AM229" s="242"/>
      <c r="AN229" s="242"/>
      <c r="AO229" s="242"/>
      <c r="AP229" s="242"/>
      <c r="AQ229" s="242"/>
      <c r="AR229" s="242"/>
      <c r="AS229" s="242"/>
    </row>
    <row r="230" spans="1:45">
      <c r="A230" s="44" t="s">
        <v>549</v>
      </c>
      <c r="B230" s="196">
        <v>69</v>
      </c>
      <c r="C230" s="175">
        <v>3.2834205872497808</v>
      </c>
      <c r="D230" s="127">
        <v>0.40692787890156584</v>
      </c>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42"/>
      <c r="AL230" s="242"/>
      <c r="AM230" s="242"/>
      <c r="AN230" s="242"/>
      <c r="AO230" s="242"/>
      <c r="AP230" s="242"/>
      <c r="AQ230" s="242"/>
      <c r="AR230" s="242"/>
      <c r="AS230" s="242"/>
    </row>
    <row r="231" spans="1:45">
      <c r="A231" s="52" t="s">
        <v>550</v>
      </c>
      <c r="B231" s="195">
        <v>109</v>
      </c>
      <c r="C231" s="79">
        <v>5.5215751062183811</v>
      </c>
      <c r="D231" s="80">
        <v>0.27895986358635499</v>
      </c>
      <c r="P231" s="242"/>
      <c r="Q231" s="242"/>
      <c r="R231" s="242"/>
      <c r="S231" s="242"/>
      <c r="T231" s="242"/>
      <c r="U231" s="242"/>
      <c r="V231" s="242"/>
      <c r="W231" s="242"/>
      <c r="X231" s="242"/>
      <c r="Y231" s="242"/>
      <c r="Z231" s="242"/>
      <c r="AA231" s="242"/>
      <c r="AB231" s="242"/>
      <c r="AC231" s="242"/>
      <c r="AD231" s="242"/>
      <c r="AE231" s="242"/>
      <c r="AF231" s="242"/>
      <c r="AG231" s="242"/>
      <c r="AH231" s="242"/>
      <c r="AI231" s="242"/>
      <c r="AJ231" s="242"/>
      <c r="AK231" s="242"/>
      <c r="AL231" s="242"/>
      <c r="AM231" s="242"/>
      <c r="AN231" s="242"/>
      <c r="AO231" s="242"/>
      <c r="AP231" s="242"/>
      <c r="AQ231" s="242"/>
      <c r="AR231" s="242"/>
      <c r="AS231" s="242"/>
    </row>
    <row r="232" spans="1:45">
      <c r="A232" s="44" t="s">
        <v>551</v>
      </c>
      <c r="B232" s="196">
        <v>66</v>
      </c>
      <c r="C232" s="175">
        <v>5.0270743897646586</v>
      </c>
      <c r="D232" s="127">
        <v>0.38631092834863989</v>
      </c>
      <c r="P232" s="242"/>
      <c r="Q232" s="242"/>
      <c r="R232" s="242"/>
      <c r="S232" s="242"/>
      <c r="T232" s="242"/>
      <c r="U232" s="242"/>
      <c r="V232" s="242"/>
      <c r="W232" s="242"/>
      <c r="X232" s="242"/>
      <c r="Y232" s="242"/>
      <c r="Z232" s="242"/>
      <c r="AA232" s="242"/>
      <c r="AB232" s="242"/>
      <c r="AC232" s="242"/>
      <c r="AD232" s="242"/>
      <c r="AE232" s="242"/>
      <c r="AF232" s="242"/>
      <c r="AG232" s="242"/>
      <c r="AH232" s="242"/>
      <c r="AI232" s="242"/>
      <c r="AJ232" s="242"/>
      <c r="AK232" s="242"/>
      <c r="AL232" s="242"/>
      <c r="AM232" s="242"/>
      <c r="AN232" s="242"/>
      <c r="AO232" s="242"/>
      <c r="AP232" s="242"/>
      <c r="AQ232" s="242"/>
      <c r="AR232" s="242"/>
      <c r="AS232" s="242"/>
    </row>
    <row r="233" spans="1:45">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42"/>
      <c r="AL233" s="242"/>
      <c r="AM233" s="242"/>
      <c r="AN233" s="242"/>
      <c r="AO233" s="242"/>
      <c r="AP233" s="242"/>
      <c r="AQ233" s="242"/>
      <c r="AR233" s="242"/>
      <c r="AS233" s="242"/>
    </row>
    <row r="234" spans="1:45">
      <c r="P234" s="242"/>
      <c r="Q234" s="242"/>
      <c r="R234" s="242"/>
      <c r="S234" s="242"/>
      <c r="T234" s="242"/>
      <c r="U234" s="242"/>
      <c r="V234" s="242"/>
      <c r="W234" s="242"/>
      <c r="X234" s="242"/>
      <c r="Y234" s="242"/>
      <c r="Z234" s="242"/>
      <c r="AA234" s="242"/>
      <c r="AB234" s="242"/>
      <c r="AC234" s="242"/>
      <c r="AD234" s="242"/>
      <c r="AE234" s="242"/>
      <c r="AF234" s="242"/>
      <c r="AG234" s="242"/>
      <c r="AH234" s="242"/>
      <c r="AI234" s="242"/>
      <c r="AJ234" s="242"/>
      <c r="AK234" s="242"/>
      <c r="AL234" s="242"/>
      <c r="AM234" s="242"/>
      <c r="AN234" s="242"/>
      <c r="AO234" s="242"/>
      <c r="AP234" s="242"/>
      <c r="AQ234" s="242"/>
      <c r="AR234" s="242"/>
      <c r="AS234" s="242"/>
    </row>
    <row r="235" spans="1:45" ht="18.75">
      <c r="A235" s="416" t="s">
        <v>425</v>
      </c>
      <c r="B235" s="416"/>
      <c r="C235" s="416"/>
      <c r="D235" s="416"/>
      <c r="E235" s="416"/>
      <c r="F235" s="416"/>
      <c r="G235" s="416"/>
      <c r="H235" s="416"/>
      <c r="I235" s="416"/>
      <c r="J235" s="416"/>
      <c r="K235" s="416"/>
      <c r="L235" s="416"/>
      <c r="M235" s="416"/>
      <c r="N235" s="416"/>
      <c r="O235" s="416"/>
      <c r="P235" s="416"/>
      <c r="Q235" s="416"/>
      <c r="R235" s="416"/>
      <c r="S235" s="416"/>
      <c r="T235" s="242"/>
      <c r="U235" s="242"/>
      <c r="V235" s="242"/>
      <c r="W235" s="242"/>
      <c r="X235" s="242"/>
      <c r="Y235" s="242"/>
      <c r="Z235" s="242"/>
      <c r="AA235" s="242"/>
      <c r="AB235" s="242"/>
      <c r="AC235" s="242"/>
      <c r="AD235" s="242"/>
      <c r="AE235" s="242"/>
      <c r="AF235" s="242"/>
      <c r="AG235" s="242"/>
      <c r="AH235" s="242"/>
      <c r="AI235" s="242"/>
      <c r="AJ235" s="242"/>
      <c r="AK235" s="242"/>
      <c r="AL235" s="242"/>
      <c r="AM235" s="242"/>
      <c r="AN235" s="242"/>
      <c r="AO235" s="242"/>
      <c r="AP235" s="242"/>
      <c r="AQ235" s="242"/>
      <c r="AR235" s="242"/>
      <c r="AS235" s="242"/>
    </row>
    <row r="236" spans="1:45" ht="66.75" customHeight="1">
      <c r="A236" s="425" t="s">
        <v>594</v>
      </c>
      <c r="B236" s="425"/>
      <c r="C236" s="425"/>
      <c r="D236" s="425"/>
      <c r="E236" s="425"/>
      <c r="F236" s="425"/>
      <c r="G236" s="425"/>
      <c r="H236" s="425"/>
      <c r="I236" s="425"/>
      <c r="J236" s="425"/>
      <c r="K236" s="425"/>
      <c r="L236" s="425"/>
      <c r="M236" s="425"/>
      <c r="N236" s="425"/>
      <c r="O236" s="425"/>
      <c r="P236" s="425"/>
      <c r="Q236" s="425"/>
      <c r="R236" s="425"/>
      <c r="S236" s="425"/>
      <c r="T236" s="242"/>
      <c r="U236" s="242"/>
      <c r="V236" s="242"/>
      <c r="W236" s="242"/>
      <c r="X236" s="242"/>
      <c r="Y236" s="242"/>
      <c r="Z236" s="242"/>
      <c r="AA236" s="242"/>
      <c r="AB236" s="242"/>
      <c r="AC236" s="242"/>
      <c r="AD236" s="242"/>
      <c r="AE236" s="242"/>
      <c r="AF236" s="242"/>
      <c r="AG236" s="242"/>
      <c r="AH236" s="242"/>
      <c r="AI236" s="242"/>
      <c r="AJ236" s="242"/>
      <c r="AK236" s="242"/>
      <c r="AL236" s="242"/>
      <c r="AM236" s="242"/>
      <c r="AN236" s="242"/>
      <c r="AO236" s="242"/>
      <c r="AP236" s="242"/>
      <c r="AQ236" s="242"/>
      <c r="AR236" s="242"/>
      <c r="AS236" s="242"/>
    </row>
    <row r="237" spans="1:45" ht="39" customHeight="1">
      <c r="A237" s="59"/>
      <c r="B237" s="420" t="s">
        <v>426</v>
      </c>
      <c r="C237" s="421"/>
      <c r="D237" s="421"/>
      <c r="E237" s="421"/>
      <c r="F237" s="421"/>
      <c r="G237" s="421"/>
      <c r="H237" s="421"/>
      <c r="I237" s="421"/>
      <c r="J237" s="422"/>
      <c r="K237" s="423" t="s">
        <v>427</v>
      </c>
      <c r="L237" s="424"/>
      <c r="M237" s="424"/>
      <c r="N237" s="424"/>
      <c r="O237" s="424"/>
      <c r="P237" s="424"/>
      <c r="Q237" s="424"/>
      <c r="R237" s="424"/>
      <c r="S237" s="424"/>
      <c r="W237" s="242"/>
      <c r="X237" s="242"/>
      <c r="Y237" s="242"/>
      <c r="Z237" s="242"/>
      <c r="AA237" s="242"/>
      <c r="AB237" s="242"/>
      <c r="AC237" s="242"/>
      <c r="AD237" s="242"/>
      <c r="AE237" s="242"/>
      <c r="AF237" s="242"/>
      <c r="AG237" s="242"/>
      <c r="AH237" s="242"/>
      <c r="AI237" s="242"/>
      <c r="AJ237" s="242"/>
      <c r="AK237" s="242"/>
      <c r="AL237" s="242"/>
      <c r="AM237" s="242"/>
      <c r="AN237" s="242"/>
      <c r="AO237" s="242"/>
      <c r="AP237" s="242"/>
      <c r="AQ237" s="242"/>
      <c r="AR237" s="242"/>
      <c r="AS237" s="242"/>
    </row>
    <row r="238" spans="1:45" ht="72">
      <c r="A238" s="32" t="s">
        <v>71</v>
      </c>
      <c r="B238" s="33" t="s">
        <v>72</v>
      </c>
      <c r="C238" s="33" t="s">
        <v>428</v>
      </c>
      <c r="D238" s="84" t="s">
        <v>143</v>
      </c>
      <c r="E238" s="33" t="s">
        <v>429</v>
      </c>
      <c r="F238" s="84" t="s">
        <v>144</v>
      </c>
      <c r="G238" s="33" t="s">
        <v>430</v>
      </c>
      <c r="H238" s="84" t="s">
        <v>117</v>
      </c>
      <c r="I238" s="33" t="s">
        <v>301</v>
      </c>
      <c r="J238" s="84" t="s">
        <v>315</v>
      </c>
      <c r="K238" s="60" t="s">
        <v>72</v>
      </c>
      <c r="L238" s="60" t="s">
        <v>428</v>
      </c>
      <c r="M238" s="83" t="s">
        <v>143</v>
      </c>
      <c r="N238" s="60" t="s">
        <v>429</v>
      </c>
      <c r="O238" s="83" t="s">
        <v>144</v>
      </c>
      <c r="P238" s="60" t="s">
        <v>430</v>
      </c>
      <c r="Q238" s="83" t="s">
        <v>117</v>
      </c>
      <c r="R238" s="60" t="s">
        <v>301</v>
      </c>
      <c r="S238" s="83" t="s">
        <v>315</v>
      </c>
      <c r="W238" s="242"/>
      <c r="X238" s="242"/>
      <c r="Y238" s="242"/>
      <c r="Z238" s="242"/>
      <c r="AA238" s="242"/>
      <c r="AB238" s="242"/>
      <c r="AC238" s="242"/>
      <c r="AD238" s="242"/>
      <c r="AE238" s="242"/>
      <c r="AF238" s="242"/>
      <c r="AG238" s="242"/>
      <c r="AH238" s="242"/>
      <c r="AI238" s="242"/>
      <c r="AJ238" s="242"/>
      <c r="AK238" s="242"/>
      <c r="AL238" s="242"/>
      <c r="AM238" s="242"/>
      <c r="AN238" s="242"/>
      <c r="AO238" s="242"/>
      <c r="AP238" s="242"/>
      <c r="AQ238" s="242"/>
      <c r="AR238" s="242"/>
      <c r="AS238" s="242"/>
    </row>
    <row r="239" spans="1:45" ht="72">
      <c r="A239" s="36"/>
      <c r="B239" s="37" t="s">
        <v>74</v>
      </c>
      <c r="C239" s="37" t="s">
        <v>159</v>
      </c>
      <c r="D239" s="86" t="s">
        <v>88</v>
      </c>
      <c r="E239" s="37" t="s">
        <v>160</v>
      </c>
      <c r="F239" s="86" t="s">
        <v>88</v>
      </c>
      <c r="G239" s="37" t="s">
        <v>161</v>
      </c>
      <c r="H239" s="86" t="s">
        <v>88</v>
      </c>
      <c r="I239" s="37" t="s">
        <v>301</v>
      </c>
      <c r="J239" s="86" t="s">
        <v>88</v>
      </c>
      <c r="K239" s="63" t="s">
        <v>74</v>
      </c>
      <c r="L239" s="63" t="s">
        <v>159</v>
      </c>
      <c r="M239" s="85" t="s">
        <v>88</v>
      </c>
      <c r="N239" s="63" t="s">
        <v>160</v>
      </c>
      <c r="O239" s="85" t="s">
        <v>88</v>
      </c>
      <c r="P239" s="63" t="s">
        <v>161</v>
      </c>
      <c r="Q239" s="85" t="s">
        <v>88</v>
      </c>
      <c r="R239" s="63" t="s">
        <v>301</v>
      </c>
      <c r="S239" s="85" t="s">
        <v>88</v>
      </c>
      <c r="W239" s="242"/>
      <c r="X239" s="242"/>
      <c r="Y239" s="242"/>
      <c r="Z239" s="242"/>
      <c r="AA239" s="242"/>
      <c r="AB239" s="242"/>
      <c r="AC239" s="242"/>
      <c r="AD239" s="242"/>
      <c r="AE239" s="242"/>
      <c r="AF239" s="242"/>
      <c r="AG239" s="242"/>
      <c r="AH239" s="242"/>
      <c r="AI239" s="242"/>
      <c r="AJ239" s="242"/>
      <c r="AK239" s="242"/>
      <c r="AL239" s="242"/>
      <c r="AM239" s="242"/>
      <c r="AN239" s="242"/>
      <c r="AO239" s="242"/>
      <c r="AP239" s="242"/>
      <c r="AQ239" s="242"/>
      <c r="AR239" s="242"/>
      <c r="AS239" s="242"/>
    </row>
    <row r="240" spans="1:45">
      <c r="A240" s="40" t="s">
        <v>349</v>
      </c>
      <c r="B240" s="40">
        <v>13823</v>
      </c>
      <c r="C240" s="314">
        <v>0.1449675895687571</v>
      </c>
      <c r="D240" s="315">
        <v>5.9899123419875321E-3</v>
      </c>
      <c r="E240" s="314">
        <v>0.12516355582310087</v>
      </c>
      <c r="F240" s="315">
        <v>5.6302738899209172E-3</v>
      </c>
      <c r="G240" s="314">
        <v>0.71704334011203941</v>
      </c>
      <c r="H240" s="315">
        <v>7.6617476168737708E-3</v>
      </c>
      <c r="I240" s="314">
        <v>1.2825514496109242E-2</v>
      </c>
      <c r="J240" s="315">
        <v>1.9241658205798801E-3</v>
      </c>
      <c r="K240" s="318">
        <v>13828</v>
      </c>
      <c r="L240" s="314">
        <v>0.16609066207296061</v>
      </c>
      <c r="M240" s="315">
        <v>6.3302460996892598E-3</v>
      </c>
      <c r="N240" s="314">
        <v>0.14647282108172721</v>
      </c>
      <c r="O240" s="315">
        <v>6.0145093680234827E-3</v>
      </c>
      <c r="P240" s="314">
        <v>0.59250635510264726</v>
      </c>
      <c r="Q240" s="315">
        <v>8.3560086833474757E-3</v>
      </c>
      <c r="R240" s="314">
        <v>9.4930161742680652E-2</v>
      </c>
      <c r="S240" s="315">
        <v>4.9873556751508603E-3</v>
      </c>
    </row>
    <row r="241" spans="1:19">
      <c r="A241" s="44" t="s">
        <v>350</v>
      </c>
      <c r="B241" s="44">
        <v>10154</v>
      </c>
      <c r="C241" s="194">
        <v>0.1889512126284949</v>
      </c>
      <c r="D241" s="92">
        <v>7.7701990274397269E-3</v>
      </c>
      <c r="E241" s="194">
        <v>0.1232411290671179</v>
      </c>
      <c r="F241" s="92">
        <v>6.5263191889328234E-3</v>
      </c>
      <c r="G241" s="194">
        <v>0.67715974238595034</v>
      </c>
      <c r="H241" s="92">
        <v>9.2787579436654413E-3</v>
      </c>
      <c r="I241" s="194">
        <v>1.0647915918430936E-2</v>
      </c>
      <c r="J241" s="92">
        <v>2.0548774836072069E-3</v>
      </c>
      <c r="K241" s="44">
        <v>10155</v>
      </c>
      <c r="L241" s="194">
        <v>0.21705472707273019</v>
      </c>
      <c r="M241" s="92">
        <v>8.1815458409246512E-3</v>
      </c>
      <c r="N241" s="194">
        <v>0.15128193866659398</v>
      </c>
      <c r="O241" s="92">
        <v>7.1128170804036755E-3</v>
      </c>
      <c r="P241" s="194">
        <v>0.55479633405969486</v>
      </c>
      <c r="Q241" s="92">
        <v>9.8617218955473346E-3</v>
      </c>
      <c r="R241" s="194">
        <v>7.6867000200978072E-2</v>
      </c>
      <c r="S241" s="92">
        <v>5.2909976602783159E-3</v>
      </c>
    </row>
    <row r="242" spans="1:19">
      <c r="A242" s="40" t="s">
        <v>351</v>
      </c>
      <c r="B242" s="40">
        <v>3669</v>
      </c>
      <c r="C242" s="314">
        <v>0.1090433664636099</v>
      </c>
      <c r="D242" s="315">
        <v>1.0303620458752962E-2</v>
      </c>
      <c r="E242" s="314">
        <v>0.12673372405574568</v>
      </c>
      <c r="F242" s="315">
        <v>1.0993430980410815E-2</v>
      </c>
      <c r="G242" s="314">
        <v>0.74961881169157574</v>
      </c>
      <c r="H242" s="315">
        <v>1.4302023550752958E-2</v>
      </c>
      <c r="I242" s="314">
        <v>1.4604097789070035E-2</v>
      </c>
      <c r="J242" s="315">
        <v>4.0287165092681527E-3</v>
      </c>
      <c r="K242" s="318">
        <v>3673</v>
      </c>
      <c r="L242" s="314">
        <v>0.12445309423105477</v>
      </c>
      <c r="M242" s="315">
        <v>1.0902749760087468E-2</v>
      </c>
      <c r="N242" s="314">
        <v>0.14254377892818759</v>
      </c>
      <c r="O242" s="315">
        <v>1.1544001126064542E-2</v>
      </c>
      <c r="P242" s="314">
        <v>0.62331538808503573</v>
      </c>
      <c r="Q242" s="315">
        <v>1.5982938348325766E-2</v>
      </c>
      <c r="R242" s="314">
        <v>0.10968773875572151</v>
      </c>
      <c r="S242" s="315">
        <v>1.032449371819859E-2</v>
      </c>
    </row>
    <row r="243" spans="1:19">
      <c r="A243" s="44" t="s">
        <v>533</v>
      </c>
      <c r="B243" s="44">
        <v>3178</v>
      </c>
      <c r="C243" s="194">
        <v>0.11308295560545316</v>
      </c>
      <c r="D243" s="92">
        <v>1.1249490152288308E-2</v>
      </c>
      <c r="E243" s="194">
        <v>0.1125742819096666</v>
      </c>
      <c r="F243" s="92">
        <v>1.1227516547969879E-2</v>
      </c>
      <c r="G243" s="194">
        <v>0.76102668996012302</v>
      </c>
      <c r="H243" s="92">
        <v>1.5127210856883519E-2</v>
      </c>
      <c r="I243" s="194">
        <v>1.3316072524753269E-2</v>
      </c>
      <c r="J243" s="92">
        <v>4.1550531523745814E-3</v>
      </c>
      <c r="K243" s="44">
        <v>3175</v>
      </c>
      <c r="L243" s="194">
        <v>0.14892446647239108</v>
      </c>
      <c r="M243" s="92">
        <v>1.2643934208768227E-2</v>
      </c>
      <c r="N243" s="194">
        <v>0.11042752421850929</v>
      </c>
      <c r="O243" s="92">
        <v>1.1139255179960093E-2</v>
      </c>
      <c r="P243" s="194">
        <v>0.65170325901948956</v>
      </c>
      <c r="Q243" s="92">
        <v>1.6902064161571032E-2</v>
      </c>
      <c r="R243" s="194">
        <v>8.8944750289606397E-2</v>
      </c>
      <c r="S243" s="92">
        <v>1.0124019920512569E-2</v>
      </c>
    </row>
    <row r="244" spans="1:19">
      <c r="A244" s="40" t="s">
        <v>534</v>
      </c>
      <c r="B244" s="40">
        <v>2502</v>
      </c>
      <c r="C244" s="314">
        <v>0.18763043797866541</v>
      </c>
      <c r="D244" s="315">
        <v>1.5613881504923949E-2</v>
      </c>
      <c r="E244" s="314">
        <v>0.11253067043480408</v>
      </c>
      <c r="F244" s="315">
        <v>1.2655822695136555E-2</v>
      </c>
      <c r="G244" s="314">
        <v>0.68858021437476569</v>
      </c>
      <c r="H244" s="315">
        <v>1.8505664009326888E-2</v>
      </c>
      <c r="I244" s="314">
        <v>1.1258677211765348E-2</v>
      </c>
      <c r="J244" s="315">
        <v>4.3571333050948426E-3</v>
      </c>
      <c r="K244" s="318">
        <v>2500</v>
      </c>
      <c r="L244" s="314">
        <v>0.22855306554885768</v>
      </c>
      <c r="M244" s="315">
        <v>1.6793796592381054E-2</v>
      </c>
      <c r="N244" s="314">
        <v>0.13446619644511937</v>
      </c>
      <c r="O244" s="315">
        <v>1.3660160021650696E-2</v>
      </c>
      <c r="P244" s="314">
        <v>0.57431588727905325</v>
      </c>
      <c r="Q244" s="315">
        <v>1.9762761465161052E-2</v>
      </c>
      <c r="R244" s="314">
        <v>6.2664850726971227E-2</v>
      </c>
      <c r="S244" s="315">
        <v>9.736835952268947E-3</v>
      </c>
    </row>
    <row r="245" spans="1:19">
      <c r="A245" s="44" t="s">
        <v>535</v>
      </c>
      <c r="B245" s="44">
        <v>486</v>
      </c>
      <c r="C245" s="194">
        <v>0.17185698157132717</v>
      </c>
      <c r="D245" s="92">
        <v>3.4294402409141472E-2</v>
      </c>
      <c r="E245" s="194">
        <v>8.1502290393194649E-2</v>
      </c>
      <c r="F245" s="92">
        <v>2.5186233671320443E-2</v>
      </c>
      <c r="G245" s="194">
        <v>0.73872032143134758</v>
      </c>
      <c r="H245" s="92">
        <v>3.9789160348975006E-2</v>
      </c>
      <c r="I245" s="194">
        <v>7.9204066041319871E-3</v>
      </c>
      <c r="J245" s="92">
        <v>9.8124792543361258E-3</v>
      </c>
      <c r="K245" s="44">
        <v>484</v>
      </c>
      <c r="L245" s="194">
        <v>0.16420661664547723</v>
      </c>
      <c r="M245" s="92">
        <v>3.3764335946305381E-2</v>
      </c>
      <c r="N245" s="194">
        <v>0.13378122058808958</v>
      </c>
      <c r="O245" s="92">
        <v>3.1109723979362274E-2</v>
      </c>
      <c r="P245" s="194">
        <v>0.64030739167172679</v>
      </c>
      <c r="Q245" s="92">
        <v>4.3479337207224869E-2</v>
      </c>
      <c r="R245" s="194">
        <v>6.1704771094708857E-2</v>
      </c>
      <c r="S245" s="92">
        <v>2.2366839179630661E-2</v>
      </c>
    </row>
    <row r="246" spans="1:19">
      <c r="A246" s="40" t="s">
        <v>536</v>
      </c>
      <c r="B246" s="40">
        <v>89</v>
      </c>
      <c r="C246" s="314">
        <v>0.19283917837939249</v>
      </c>
      <c r="D246" s="315">
        <v>8.3882567840614444E-2</v>
      </c>
      <c r="E246" s="314">
        <v>2.4728695561649784E-2</v>
      </c>
      <c r="F246" s="315">
        <v>4.3070385278653006E-2</v>
      </c>
      <c r="G246" s="314">
        <v>0.78243212605895796</v>
      </c>
      <c r="H246" s="315">
        <v>8.7238712152488421E-2</v>
      </c>
      <c r="I246" s="314">
        <v>0</v>
      </c>
      <c r="J246" s="315">
        <v>3.0084393934100805E-2</v>
      </c>
      <c r="K246" s="318">
        <v>89</v>
      </c>
      <c r="L246" s="314">
        <v>0.34295226253200761</v>
      </c>
      <c r="M246" s="315">
        <v>9.8899757076328684E-2</v>
      </c>
      <c r="N246" s="314">
        <v>7.9366821349637851E-2</v>
      </c>
      <c r="O246" s="315">
        <v>6.1508071998875057E-2</v>
      </c>
      <c r="P246" s="314">
        <v>0.513906711400404</v>
      </c>
      <c r="Q246" s="315">
        <v>0.10365843037724345</v>
      </c>
      <c r="R246" s="314">
        <v>6.377420471795045E-2</v>
      </c>
      <c r="S246" s="315">
        <v>5.7069779370750501E-2</v>
      </c>
    </row>
    <row r="247" spans="1:19">
      <c r="A247" s="44" t="s">
        <v>537</v>
      </c>
      <c r="B247" s="44">
        <v>138</v>
      </c>
      <c r="C247" s="194">
        <v>0.22563526595057837</v>
      </c>
      <c r="D247" s="92">
        <v>7.0990013881661845E-2</v>
      </c>
      <c r="E247" s="194">
        <v>8.7866572115000027E-2</v>
      </c>
      <c r="F247" s="92">
        <v>5.0233398055329267E-2</v>
      </c>
      <c r="G247" s="194">
        <v>0.68649816193442104</v>
      </c>
      <c r="H247" s="92">
        <v>7.821068717903068E-2</v>
      </c>
      <c r="I247" s="194">
        <v>0</v>
      </c>
      <c r="J247" s="92">
        <v>1.9777732323927027E-2</v>
      </c>
      <c r="K247" s="44">
        <v>138</v>
      </c>
      <c r="L247" s="194">
        <v>0.15503869468647022</v>
      </c>
      <c r="M247" s="92">
        <v>6.2260561788270323E-2</v>
      </c>
      <c r="N247" s="194">
        <v>0.15445593440776817</v>
      </c>
      <c r="O247" s="92">
        <v>6.2174528352377127E-2</v>
      </c>
      <c r="P247" s="194">
        <v>0.66441241230234671</v>
      </c>
      <c r="Q247" s="92">
        <v>7.9517914982859886E-2</v>
      </c>
      <c r="R247" s="194">
        <v>2.6092958603414408E-2</v>
      </c>
      <c r="S247" s="92">
        <v>3.2668521114895224E-2</v>
      </c>
    </row>
    <row r="248" spans="1:19">
      <c r="A248" s="40" t="s">
        <v>538</v>
      </c>
      <c r="B248" s="40">
        <v>105</v>
      </c>
      <c r="C248" s="314">
        <v>0.19699518169581892</v>
      </c>
      <c r="D248" s="315">
        <v>7.7767691602858902E-2</v>
      </c>
      <c r="E248" s="314">
        <v>6.02063960330761E-2</v>
      </c>
      <c r="F248" s="315">
        <v>5.0870210298289656E-2</v>
      </c>
      <c r="G248" s="314">
        <v>0.73251136884213675</v>
      </c>
      <c r="H248" s="315">
        <v>8.5634914970596485E-2</v>
      </c>
      <c r="I248" s="314">
        <v>1.0287053428967631E-2</v>
      </c>
      <c r="J248" s="315">
        <v>3.1744187661912622E-2</v>
      </c>
      <c r="K248" s="318">
        <v>106</v>
      </c>
      <c r="L248" s="314">
        <v>9.7314033969883737E-2</v>
      </c>
      <c r="M248" s="315">
        <v>6.0127970901594635E-2</v>
      </c>
      <c r="N248" s="314">
        <v>6.3924615905270335E-2</v>
      </c>
      <c r="O248" s="315">
        <v>5.166913994294791E-2</v>
      </c>
      <c r="P248" s="314">
        <v>0.79761301792285988</v>
      </c>
      <c r="Q248" s="315">
        <v>7.8102748007233769E-2</v>
      </c>
      <c r="R248" s="314">
        <v>4.114833220198548E-2</v>
      </c>
      <c r="S248" s="315">
        <v>4.4513161890174367E-2</v>
      </c>
    </row>
    <row r="249" spans="1:19">
      <c r="A249" s="44" t="s">
        <v>539</v>
      </c>
      <c r="B249" s="44">
        <v>154</v>
      </c>
      <c r="C249" s="194">
        <v>0.11903669479201487</v>
      </c>
      <c r="D249" s="92">
        <v>5.3277978765328929E-2</v>
      </c>
      <c r="E249" s="194">
        <v>0.11045939139430511</v>
      </c>
      <c r="F249" s="92">
        <v>5.1764802285653666E-2</v>
      </c>
      <c r="G249" s="194">
        <v>0.7558241712928323</v>
      </c>
      <c r="H249" s="92">
        <v>6.8957108185963317E-2</v>
      </c>
      <c r="I249" s="194">
        <v>1.4679742520847527E-2</v>
      </c>
      <c r="J249" s="92">
        <v>2.5773673297902689E-2</v>
      </c>
      <c r="K249" s="44">
        <v>151</v>
      </c>
      <c r="L249" s="194">
        <v>0.13120063894512402</v>
      </c>
      <c r="M249" s="92">
        <v>5.5860765738585366E-2</v>
      </c>
      <c r="N249" s="194">
        <v>0.17796735630489655</v>
      </c>
      <c r="O249" s="92">
        <v>6.2543595943979208E-2</v>
      </c>
      <c r="P249" s="194">
        <v>0.59789915356800782</v>
      </c>
      <c r="Q249" s="92">
        <v>7.8847184752287552E-2</v>
      </c>
      <c r="R249" s="194">
        <v>9.2932851181971282E-2</v>
      </c>
      <c r="S249" s="92">
        <v>4.8920852299772374E-2</v>
      </c>
    </row>
    <row r="250" spans="1:19">
      <c r="A250" s="40" t="s">
        <v>540</v>
      </c>
      <c r="B250" s="40">
        <v>340</v>
      </c>
      <c r="C250" s="314">
        <v>0.2264264299453933</v>
      </c>
      <c r="D250" s="315">
        <v>4.535235509144301E-2</v>
      </c>
      <c r="E250" s="314">
        <v>9.708070773266872E-2</v>
      </c>
      <c r="F250" s="315">
        <v>3.2602171157628854E-2</v>
      </c>
      <c r="G250" s="314">
        <v>0.67058620063433039</v>
      </c>
      <c r="H250" s="315">
        <v>5.0758565519624113E-2</v>
      </c>
      <c r="I250" s="314">
        <v>5.9066616876086008E-3</v>
      </c>
      <c r="J250" s="315">
        <v>1.1571901372993913E-2</v>
      </c>
      <c r="K250" s="318">
        <v>340</v>
      </c>
      <c r="L250" s="314">
        <v>0.24787326296803902</v>
      </c>
      <c r="M250" s="315">
        <v>4.6742968210235464E-2</v>
      </c>
      <c r="N250" s="314">
        <v>0.13115213327745029</v>
      </c>
      <c r="O250" s="315">
        <v>3.6899735408288274E-2</v>
      </c>
      <c r="P250" s="314">
        <v>0.56383001178681236</v>
      </c>
      <c r="Q250" s="315">
        <v>5.3485482620093464E-2</v>
      </c>
      <c r="R250" s="314">
        <v>5.7144591967699422E-2</v>
      </c>
      <c r="S250" s="315">
        <v>2.606198377853599E-2</v>
      </c>
    </row>
    <row r="251" spans="1:19">
      <c r="A251" s="44" t="s">
        <v>541</v>
      </c>
      <c r="B251" s="44">
        <v>113</v>
      </c>
      <c r="C251" s="194">
        <v>0.21148210683496743</v>
      </c>
      <c r="D251" s="92">
        <v>7.6761798185661839E-2</v>
      </c>
      <c r="E251" s="194">
        <v>7.1609509655078188E-2</v>
      </c>
      <c r="F251" s="92">
        <v>5.1908978517855281E-2</v>
      </c>
      <c r="G251" s="194">
        <v>0.70789542294358709</v>
      </c>
      <c r="H251" s="92">
        <v>8.466812524229389E-2</v>
      </c>
      <c r="I251" s="194">
        <v>9.0129605663678107E-3</v>
      </c>
      <c r="J251" s="92">
        <v>2.9313082750359456E-2</v>
      </c>
      <c r="K251" s="44">
        <v>112</v>
      </c>
      <c r="L251" s="194">
        <v>0.24509554814655496</v>
      </c>
      <c r="M251" s="92">
        <v>8.0820700322481162E-2</v>
      </c>
      <c r="N251" s="194">
        <v>9.2247035091539045E-2</v>
      </c>
      <c r="O251" s="92">
        <v>5.7237015210111389E-2</v>
      </c>
      <c r="P251" s="194">
        <v>0.5906305856263272</v>
      </c>
      <c r="Q251" s="92">
        <v>9.1414706089351649E-2</v>
      </c>
      <c r="R251" s="194">
        <v>7.2026831135579145E-2</v>
      </c>
      <c r="S251" s="92">
        <v>5.2276774217192748E-2</v>
      </c>
    </row>
    <row r="252" spans="1:19">
      <c r="A252" s="40" t="s">
        <v>542</v>
      </c>
      <c r="B252" s="40">
        <v>94</v>
      </c>
      <c r="C252" s="314">
        <v>0.2165993624848733</v>
      </c>
      <c r="D252" s="315">
        <v>8.4782236366552965E-2</v>
      </c>
      <c r="E252" s="314">
        <v>3.8573039403568404E-2</v>
      </c>
      <c r="F252" s="315">
        <v>4.6995984642436352E-2</v>
      </c>
      <c r="G252" s="314">
        <v>0.7359639538314946</v>
      </c>
      <c r="H252" s="315">
        <v>9.0073320768518969E-2</v>
      </c>
      <c r="I252" s="314">
        <v>8.8636442800644252E-3</v>
      </c>
      <c r="J252" s="315">
        <v>3.3850955754397408E-2</v>
      </c>
      <c r="K252" s="318">
        <v>95</v>
      </c>
      <c r="L252" s="314">
        <v>0.14494300080011679</v>
      </c>
      <c r="M252" s="315">
        <v>7.35577382075768E-2</v>
      </c>
      <c r="N252" s="314">
        <v>0.13447302783368678</v>
      </c>
      <c r="O252" s="315">
        <v>7.16243514806537E-2</v>
      </c>
      <c r="P252" s="314">
        <v>0.65890658074582686</v>
      </c>
      <c r="Q252" s="315">
        <v>9.5715906532345602E-2</v>
      </c>
      <c r="R252" s="314">
        <v>6.1677390620370483E-2</v>
      </c>
      <c r="S252" s="315">
        <v>5.4340875679717141E-2</v>
      </c>
    </row>
    <row r="253" spans="1:19">
      <c r="A253" s="44" t="s">
        <v>543</v>
      </c>
      <c r="B253" s="44">
        <v>76</v>
      </c>
      <c r="C253" s="194">
        <v>0.17368067605168325</v>
      </c>
      <c r="D253" s="92">
        <v>8.7720555795995428E-2</v>
      </c>
      <c r="E253" s="194">
        <v>0.17465120708222362</v>
      </c>
      <c r="F253" s="92">
        <v>8.7883080584267928E-2</v>
      </c>
      <c r="G253" s="194">
        <v>0.65049486646586485</v>
      </c>
      <c r="H253" s="92">
        <v>0.10713532188046057</v>
      </c>
      <c r="I253" s="194">
        <v>1.173250400228388E-3</v>
      </c>
      <c r="J253" s="92">
        <v>3.5659932823873489E-2</v>
      </c>
      <c r="K253" s="44">
        <v>76</v>
      </c>
      <c r="L253" s="194">
        <v>0.31409056926739204</v>
      </c>
      <c r="M253" s="92">
        <v>0.10459624979346094</v>
      </c>
      <c r="N253" s="194">
        <v>0.15638338385124523</v>
      </c>
      <c r="O253" s="92">
        <v>8.468756639808396E-2</v>
      </c>
      <c r="P253" s="194">
        <v>0.46662735922429727</v>
      </c>
      <c r="Q253" s="92">
        <v>0.11157841543730791</v>
      </c>
      <c r="R253" s="194">
        <v>6.2898687657065327E-2</v>
      </c>
      <c r="S253" s="92">
        <v>6.2277826945127929E-2</v>
      </c>
    </row>
    <row r="254" spans="1:19">
      <c r="A254" s="40" t="s">
        <v>544</v>
      </c>
      <c r="B254" s="40">
        <v>57</v>
      </c>
      <c r="C254" s="314">
        <v>0.38215934091906834</v>
      </c>
      <c r="D254" s="315">
        <v>0.1248934072825436</v>
      </c>
      <c r="E254" s="314">
        <v>0.15765139702295647</v>
      </c>
      <c r="F254" s="315">
        <v>9.840175287589191E-2</v>
      </c>
      <c r="G254" s="314">
        <v>0.46018926205797539</v>
      </c>
      <c r="H254" s="315">
        <v>0.12768201929651093</v>
      </c>
      <c r="I254" s="314">
        <v>0</v>
      </c>
      <c r="J254" s="315">
        <v>4.5601197425875629E-2</v>
      </c>
      <c r="K254" s="318">
        <v>57</v>
      </c>
      <c r="L254" s="314">
        <v>0.38486002617218906</v>
      </c>
      <c r="M254" s="315">
        <v>0.12503755040912928</v>
      </c>
      <c r="N254" s="314">
        <v>0.16899534867282293</v>
      </c>
      <c r="O254" s="315">
        <v>0.10059946995261529</v>
      </c>
      <c r="P254" s="314">
        <v>0.44614462515498793</v>
      </c>
      <c r="Q254" s="315">
        <v>0.12738672438218848</v>
      </c>
      <c r="R254" s="314">
        <v>0</v>
      </c>
      <c r="S254" s="315">
        <v>4.5601197425875629E-2</v>
      </c>
    </row>
    <row r="255" spans="1:19">
      <c r="A255" s="44" t="s">
        <v>545</v>
      </c>
      <c r="B255" s="44">
        <v>635</v>
      </c>
      <c r="C255" s="194">
        <v>0.15695410061393622</v>
      </c>
      <c r="D255" s="92">
        <v>2.8939330827182242E-2</v>
      </c>
      <c r="E255" s="194">
        <v>0.1284003111754094</v>
      </c>
      <c r="F255" s="92">
        <v>2.667101381243682E-2</v>
      </c>
      <c r="G255" s="194">
        <v>0.70712557172898372</v>
      </c>
      <c r="H255" s="92">
        <v>3.6051989777812363E-2</v>
      </c>
      <c r="I255" s="194">
        <v>7.5200164816721215E-3</v>
      </c>
      <c r="J255" s="92">
        <v>8.1035602239166431E-3</v>
      </c>
      <c r="K255" s="44">
        <v>635</v>
      </c>
      <c r="L255" s="194">
        <v>0.239994077477374</v>
      </c>
      <c r="M255" s="92">
        <v>3.3868070668093608E-2</v>
      </c>
      <c r="N255" s="194">
        <v>0.11235248043247732</v>
      </c>
      <c r="O255" s="92">
        <v>2.521951628949997E-2</v>
      </c>
      <c r="P255" s="194">
        <v>0.57575355406622852</v>
      </c>
      <c r="Q255" s="92">
        <v>3.9108453908748529E-2</v>
      </c>
      <c r="R255" s="194">
        <v>7.1899888023924094E-2</v>
      </c>
      <c r="S255" s="92">
        <v>2.0785448313636823E-2</v>
      </c>
    </row>
    <row r="256" spans="1:19">
      <c r="A256" s="40" t="s">
        <v>546</v>
      </c>
      <c r="B256" s="40">
        <v>65</v>
      </c>
      <c r="C256" s="314">
        <v>9.0217402856341597E-2</v>
      </c>
      <c r="D256" s="315">
        <v>7.6512039485800071E-2</v>
      </c>
      <c r="E256" s="314">
        <v>0.18501973285466733</v>
      </c>
      <c r="F256" s="315">
        <v>9.6895856313133313E-2</v>
      </c>
      <c r="G256" s="314">
        <v>0.72476286428899106</v>
      </c>
      <c r="H256" s="315">
        <v>0.10905897364324961</v>
      </c>
      <c r="I256" s="314">
        <v>0</v>
      </c>
      <c r="J256" s="315">
        <v>4.0393246397800862E-2</v>
      </c>
      <c r="K256" s="318">
        <v>67</v>
      </c>
      <c r="L256" s="314">
        <v>0.2434522752064073</v>
      </c>
      <c r="M256" s="315">
        <v>0.10383907769054929</v>
      </c>
      <c r="N256" s="314">
        <v>0.1850070499474385</v>
      </c>
      <c r="O256" s="315">
        <v>9.5429141694426262E-2</v>
      </c>
      <c r="P256" s="314">
        <v>0.46768835895404459</v>
      </c>
      <c r="Q256" s="315">
        <v>0.11845728597088302</v>
      </c>
      <c r="R256" s="314">
        <v>0.10385231589210951</v>
      </c>
      <c r="S256" s="315">
        <v>7.881213226102865E-2</v>
      </c>
    </row>
    <row r="257" spans="1:45">
      <c r="A257" s="44" t="s">
        <v>547</v>
      </c>
      <c r="B257" s="44">
        <v>146</v>
      </c>
      <c r="C257" s="194">
        <v>0.13439432257614453</v>
      </c>
      <c r="D257" s="92">
        <v>5.7356515496756091E-2</v>
      </c>
      <c r="E257" s="194">
        <v>0.12210015310466621</v>
      </c>
      <c r="F257" s="92">
        <v>5.5306803804100385E-2</v>
      </c>
      <c r="G257" s="194">
        <v>0.74350552431919059</v>
      </c>
      <c r="H257" s="92">
        <v>7.1893493661118496E-2</v>
      </c>
      <c r="I257" s="194">
        <v>0</v>
      </c>
      <c r="J257" s="92">
        <v>1.8730051116182648E-2</v>
      </c>
      <c r="K257" s="44">
        <v>145</v>
      </c>
      <c r="L257" s="194">
        <v>0.29946007414306591</v>
      </c>
      <c r="M257" s="92">
        <v>7.5425240489237474E-2</v>
      </c>
      <c r="N257" s="194">
        <v>8.2313086922166809E-2</v>
      </c>
      <c r="O257" s="92">
        <v>4.7706883582072028E-2</v>
      </c>
      <c r="P257" s="194">
        <v>0.56746667316604993</v>
      </c>
      <c r="Q257" s="92">
        <v>8.1213837711751807E-2</v>
      </c>
      <c r="R257" s="194">
        <v>5.0760165768718425E-2</v>
      </c>
      <c r="S257" s="92">
        <v>3.9755597643656264E-2</v>
      </c>
    </row>
    <row r="258" spans="1:45">
      <c r="A258" s="40" t="s">
        <v>548</v>
      </c>
      <c r="B258" s="40">
        <v>163</v>
      </c>
      <c r="C258" s="314">
        <v>0.14352418464042668</v>
      </c>
      <c r="D258" s="315">
        <v>5.5573119605355228E-2</v>
      </c>
      <c r="E258" s="314">
        <v>0.13850059479742327</v>
      </c>
      <c r="F258" s="315">
        <v>5.4827637255738783E-2</v>
      </c>
      <c r="G258" s="314">
        <v>0.7041349427697341</v>
      </c>
      <c r="H258" s="315">
        <v>7.0972920108457363E-2</v>
      </c>
      <c r="I258" s="314">
        <v>1.3840277792416216E-2</v>
      </c>
      <c r="J258" s="315">
        <v>2.4389722917977561E-2</v>
      </c>
      <c r="K258" s="318">
        <v>162</v>
      </c>
      <c r="L258" s="314">
        <v>0.23670863511037971</v>
      </c>
      <c r="M258" s="315">
        <v>6.6582359894707469E-2</v>
      </c>
      <c r="N258" s="314">
        <v>0.1309830511843578</v>
      </c>
      <c r="O258" s="315">
        <v>5.3842698825281837E-2</v>
      </c>
      <c r="P258" s="314">
        <v>0.54367653259951443</v>
      </c>
      <c r="Q258" s="315">
        <v>7.733251428749055E-2</v>
      </c>
      <c r="R258" s="314">
        <v>8.863178110574825E-2</v>
      </c>
      <c r="S258" s="315">
        <v>4.6266200807375021E-2</v>
      </c>
    </row>
    <row r="259" spans="1:45">
      <c r="A259" s="44" t="s">
        <v>549</v>
      </c>
      <c r="B259" s="44">
        <v>71</v>
      </c>
      <c r="C259" s="194">
        <v>0.53815657687985674</v>
      </c>
      <c r="D259" s="92">
        <v>0.11516833660763302</v>
      </c>
      <c r="E259" s="194">
        <v>0.16582266463130668</v>
      </c>
      <c r="F259" s="92">
        <v>8.9418805597408751E-2</v>
      </c>
      <c r="G259" s="194">
        <v>0.29602075848883624</v>
      </c>
      <c r="H259" s="92">
        <v>0.10651128399908383</v>
      </c>
      <c r="I259" s="194">
        <v>0</v>
      </c>
      <c r="J259" s="92">
        <v>3.7206132509255738E-2</v>
      </c>
      <c r="K259" s="44">
        <v>70</v>
      </c>
      <c r="L259" s="194">
        <v>0.64726635053186388</v>
      </c>
      <c r="M259" s="92">
        <v>0.11164466711009985</v>
      </c>
      <c r="N259" s="194">
        <v>8.3107869611009647E-2</v>
      </c>
      <c r="O259" s="92">
        <v>7.146430777537828E-2</v>
      </c>
      <c r="P259" s="194">
        <v>0.26854411251029325</v>
      </c>
      <c r="Q259" s="92">
        <v>0.1045099743728902</v>
      </c>
      <c r="R259" s="194">
        <v>1.0816673468330902E-3</v>
      </c>
      <c r="S259" s="92">
        <v>3.8388772779709437E-2</v>
      </c>
    </row>
    <row r="260" spans="1:45">
      <c r="A260" s="40" t="s">
        <v>550</v>
      </c>
      <c r="B260" s="40">
        <v>121</v>
      </c>
      <c r="C260" s="314">
        <v>9.6258623447313896E-2</v>
      </c>
      <c r="D260" s="315">
        <v>5.5787722214788213E-2</v>
      </c>
      <c r="E260" s="314">
        <v>8.2416191541631087E-2</v>
      </c>
      <c r="F260" s="315">
        <v>5.2643793425677744E-2</v>
      </c>
      <c r="G260" s="314">
        <v>0.82132518501105467</v>
      </c>
      <c r="H260" s="315">
        <v>7.0029111563813723E-2</v>
      </c>
      <c r="I260" s="314">
        <v>0</v>
      </c>
      <c r="J260" s="315">
        <v>2.2445667733440235E-2</v>
      </c>
      <c r="K260" s="318">
        <v>122</v>
      </c>
      <c r="L260" s="314">
        <v>0.11333719184106567</v>
      </c>
      <c r="M260" s="315">
        <v>5.9049018224191521E-2</v>
      </c>
      <c r="N260" s="314">
        <v>0.10023916715473213</v>
      </c>
      <c r="O260" s="315">
        <v>5.6393404214651867E-2</v>
      </c>
      <c r="P260" s="314">
        <v>0.67982457439424127</v>
      </c>
      <c r="Q260" s="315">
        <v>8.351098551081243E-2</v>
      </c>
      <c r="R260" s="314">
        <v>0.10659906660996032</v>
      </c>
      <c r="S260" s="315">
        <v>5.7709187991715483E-2</v>
      </c>
    </row>
    <row r="261" spans="1:45">
      <c r="A261" s="44" t="s">
        <v>551</v>
      </c>
      <c r="B261" s="44">
        <v>69</v>
      </c>
      <c r="C261" s="194">
        <v>0.15274940582466434</v>
      </c>
      <c r="D261" s="92">
        <v>8.8292649868349699E-2</v>
      </c>
      <c r="E261" s="194">
        <v>0.14848259971504124</v>
      </c>
      <c r="F261" s="92">
        <v>8.7462190841308129E-2</v>
      </c>
      <c r="G261" s="194">
        <v>0.67100720776762901</v>
      </c>
      <c r="H261" s="92">
        <v>0.11075667429886507</v>
      </c>
      <c r="I261" s="194">
        <v>2.7760786692665046E-2</v>
      </c>
      <c r="J261" s="92">
        <v>5.2738689015566054E-2</v>
      </c>
      <c r="K261" s="44">
        <v>69</v>
      </c>
      <c r="L261" s="194">
        <v>0.1858950550993389</v>
      </c>
      <c r="M261" s="92">
        <v>9.4173876483557725E-2</v>
      </c>
      <c r="N261" s="194">
        <v>0.10392902529878417</v>
      </c>
      <c r="O261" s="92">
        <v>7.7582747516200326E-2</v>
      </c>
      <c r="P261" s="194">
        <v>0.69793013542355953</v>
      </c>
      <c r="Q261" s="92">
        <v>0.1085393266968713</v>
      </c>
      <c r="R261" s="194">
        <v>1.2245784178317114E-2</v>
      </c>
      <c r="S261" s="92">
        <v>4.5301560332791611E-2</v>
      </c>
    </row>
    <row r="262" spans="1:45">
      <c r="P262" s="242"/>
      <c r="Q262" s="242"/>
      <c r="R262" s="242"/>
      <c r="S262" s="242"/>
      <c r="T262" s="242"/>
      <c r="U262" s="242"/>
      <c r="V262" s="242"/>
      <c r="W262" s="242"/>
      <c r="X262" s="242"/>
      <c r="Y262" s="242"/>
      <c r="Z262" s="242"/>
      <c r="AA262" s="242"/>
      <c r="AB262" s="242"/>
      <c r="AC262" s="242"/>
      <c r="AD262" s="242"/>
      <c r="AE262" s="242"/>
      <c r="AF262" s="242"/>
      <c r="AG262" s="242"/>
      <c r="AH262" s="242"/>
      <c r="AI262" s="242"/>
      <c r="AJ262" s="242"/>
      <c r="AK262" s="242"/>
      <c r="AL262" s="242"/>
      <c r="AM262" s="242"/>
      <c r="AN262" s="242"/>
      <c r="AO262" s="242"/>
      <c r="AP262" s="242"/>
      <c r="AQ262" s="242"/>
      <c r="AR262" s="242"/>
      <c r="AS262" s="242"/>
    </row>
    <row r="263" spans="1:45">
      <c r="P263" s="242"/>
      <c r="Q263" s="242"/>
      <c r="R263" s="242"/>
      <c r="S263" s="242"/>
      <c r="T263" s="242"/>
      <c r="U263" s="242"/>
      <c r="V263" s="242"/>
      <c r="W263" s="242"/>
      <c r="X263" s="242"/>
      <c r="Y263" s="242"/>
      <c r="Z263" s="242"/>
      <c r="AA263" s="242"/>
      <c r="AB263" s="242"/>
      <c r="AC263" s="242"/>
      <c r="AD263" s="242"/>
      <c r="AE263" s="242"/>
      <c r="AF263" s="242"/>
      <c r="AG263" s="242"/>
      <c r="AH263" s="242"/>
      <c r="AI263" s="242"/>
      <c r="AJ263" s="242"/>
      <c r="AK263" s="242"/>
      <c r="AL263" s="242"/>
      <c r="AM263" s="242"/>
      <c r="AN263" s="242"/>
      <c r="AO263" s="242"/>
      <c r="AP263" s="242"/>
      <c r="AQ263" s="242"/>
      <c r="AR263" s="242"/>
      <c r="AS263" s="242"/>
    </row>
    <row r="264" spans="1:45" ht="18.75">
      <c r="A264" s="419" t="s">
        <v>354</v>
      </c>
      <c r="B264" s="419"/>
      <c r="C264" s="419"/>
      <c r="D264" s="419"/>
    </row>
    <row r="265" spans="1:45" ht="63" customHeight="1">
      <c r="A265" s="418" t="s">
        <v>610</v>
      </c>
      <c r="B265" s="418"/>
      <c r="C265" s="418"/>
      <c r="D265" s="418"/>
    </row>
    <row r="266" spans="1:45" ht="36" customHeight="1">
      <c r="A266" s="402" t="s">
        <v>241</v>
      </c>
      <c r="B266" s="402"/>
      <c r="C266" s="402"/>
      <c r="D266" s="402"/>
    </row>
    <row r="267" spans="1:45" ht="40.5" customHeight="1">
      <c r="A267" s="32" t="s">
        <v>71</v>
      </c>
      <c r="B267" s="33" t="s">
        <v>72</v>
      </c>
      <c r="C267" s="34" t="s">
        <v>589</v>
      </c>
      <c r="D267" s="35" t="s">
        <v>73</v>
      </c>
    </row>
    <row r="268" spans="1:45" ht="72">
      <c r="A268" s="36"/>
      <c r="B268" s="37" t="s">
        <v>74</v>
      </c>
      <c r="C268" s="123" t="s">
        <v>242</v>
      </c>
      <c r="D268" s="39" t="s">
        <v>76</v>
      </c>
    </row>
    <row r="269" spans="1:45">
      <c r="A269" s="40" t="s">
        <v>349</v>
      </c>
      <c r="B269" s="201">
        <v>13336</v>
      </c>
      <c r="C269" s="202">
        <v>5.0078707272273473</v>
      </c>
      <c r="D269" s="203">
        <v>3.0424742860847169E-2</v>
      </c>
    </row>
    <row r="270" spans="1:45">
      <c r="A270" s="44" t="s">
        <v>350</v>
      </c>
      <c r="B270" s="44">
        <v>9776</v>
      </c>
      <c r="C270" s="205">
        <v>4.6624899340711865</v>
      </c>
      <c r="D270" s="206">
        <v>3.6540269743475663E-2</v>
      </c>
    </row>
    <row r="271" spans="1:45">
      <c r="A271" s="40" t="s">
        <v>351</v>
      </c>
      <c r="B271" s="48">
        <v>3560</v>
      </c>
      <c r="C271" s="202">
        <v>5.2895581924058508</v>
      </c>
      <c r="D271" s="203">
        <v>4.7369388098030055E-2</v>
      </c>
    </row>
    <row r="272" spans="1:45">
      <c r="A272" s="44" t="s">
        <v>533</v>
      </c>
      <c r="B272" s="44">
        <v>3033</v>
      </c>
      <c r="C272" s="205">
        <v>5.0526615891827538</v>
      </c>
      <c r="D272" s="206">
        <v>6.4049815491558887E-2</v>
      </c>
    </row>
    <row r="273" spans="1:4">
      <c r="A273" s="40" t="s">
        <v>534</v>
      </c>
      <c r="B273" s="48">
        <v>2380</v>
      </c>
      <c r="C273" s="202">
        <v>4.4753066632553677</v>
      </c>
      <c r="D273" s="203">
        <v>7.3284288201309791E-2</v>
      </c>
    </row>
    <row r="274" spans="1:4">
      <c r="A274" s="44" t="s">
        <v>535</v>
      </c>
      <c r="B274" s="44">
        <v>460</v>
      </c>
      <c r="C274" s="205">
        <v>4.6288204606501564</v>
      </c>
      <c r="D274" s="206">
        <v>0.16524130609438753</v>
      </c>
    </row>
    <row r="275" spans="1:4">
      <c r="A275" s="40" t="s">
        <v>536</v>
      </c>
      <c r="B275" s="48">
        <v>82</v>
      </c>
      <c r="C275" s="202">
        <v>4.1336670054385953</v>
      </c>
      <c r="D275" s="203">
        <v>0.38443490784280798</v>
      </c>
    </row>
    <row r="276" spans="1:4">
      <c r="A276" s="44" t="s">
        <v>537</v>
      </c>
      <c r="B276" s="44">
        <v>131</v>
      </c>
      <c r="C276" s="205">
        <v>4.5459179284229396</v>
      </c>
      <c r="D276" s="206">
        <v>0.3100066829502196</v>
      </c>
    </row>
    <row r="277" spans="1:4">
      <c r="A277" s="40" t="s">
        <v>538</v>
      </c>
      <c r="B277" s="48">
        <v>99</v>
      </c>
      <c r="C277" s="202">
        <v>4.313001903624591</v>
      </c>
      <c r="D277" s="203">
        <v>0.37651232986091182</v>
      </c>
    </row>
    <row r="278" spans="1:4">
      <c r="A278" s="44" t="s">
        <v>539</v>
      </c>
      <c r="B278" s="44">
        <v>148</v>
      </c>
      <c r="C278" s="205">
        <v>5.0104298834908514</v>
      </c>
      <c r="D278" s="206">
        <v>0.25997456141590902</v>
      </c>
    </row>
    <row r="279" spans="1:4">
      <c r="A279" s="40" t="s">
        <v>540</v>
      </c>
      <c r="B279" s="201">
        <v>325</v>
      </c>
      <c r="C279" s="202">
        <v>4.6779649925223241</v>
      </c>
      <c r="D279" s="203">
        <v>0.21086848207625372</v>
      </c>
    </row>
    <row r="280" spans="1:4">
      <c r="A280" s="44" t="s">
        <v>541</v>
      </c>
      <c r="B280" s="204">
        <v>106</v>
      </c>
      <c r="C280" s="205">
        <v>4.3202905569334114</v>
      </c>
      <c r="D280" s="206">
        <v>0.34611972719162432</v>
      </c>
    </row>
    <row r="281" spans="1:4">
      <c r="A281" s="40" t="s">
        <v>542</v>
      </c>
      <c r="B281" s="78">
        <v>91</v>
      </c>
      <c r="C281" s="202">
        <v>4.9637841467593917</v>
      </c>
      <c r="D281" s="203">
        <v>0.38301066945002654</v>
      </c>
    </row>
    <row r="282" spans="1:4">
      <c r="A282" s="44" t="s">
        <v>543</v>
      </c>
      <c r="B282" s="204">
        <v>73</v>
      </c>
      <c r="C282" s="205">
        <v>4.8453809123742353</v>
      </c>
      <c r="D282" s="206">
        <v>0.45121519050359787</v>
      </c>
    </row>
    <row r="283" spans="1:4">
      <c r="A283" s="52" t="s">
        <v>544</v>
      </c>
      <c r="B283" s="201">
        <v>55</v>
      </c>
      <c r="C283" s="202">
        <v>4.516247646105791</v>
      </c>
      <c r="D283" s="203">
        <v>0.50163564727812227</v>
      </c>
    </row>
    <row r="284" spans="1:4">
      <c r="A284" s="44" t="s">
        <v>545</v>
      </c>
      <c r="B284" s="204">
        <v>605</v>
      </c>
      <c r="C284" s="205">
        <v>4.5449914547415506</v>
      </c>
      <c r="D284" s="206">
        <v>0.14357603765308977</v>
      </c>
    </row>
    <row r="285" spans="1:4">
      <c r="A285" s="52" t="s">
        <v>546</v>
      </c>
      <c r="B285" s="201">
        <v>60</v>
      </c>
      <c r="C285" s="202">
        <v>4.5160392875329167</v>
      </c>
      <c r="D285" s="203">
        <v>0.4689464792240664</v>
      </c>
    </row>
    <row r="286" spans="1:4">
      <c r="A286" s="44" t="s">
        <v>547</v>
      </c>
      <c r="B286" s="204">
        <v>130</v>
      </c>
      <c r="C286" s="205">
        <v>4.7174935232097699</v>
      </c>
      <c r="D286" s="206">
        <v>0.2938313813967906</v>
      </c>
    </row>
    <row r="287" spans="1:4">
      <c r="A287" s="52" t="s">
        <v>548</v>
      </c>
      <c r="B287" s="201">
        <v>158</v>
      </c>
      <c r="C287" s="202">
        <v>4.1821078710370987</v>
      </c>
      <c r="D287" s="203">
        <v>0.28914523292610378</v>
      </c>
    </row>
    <row r="288" spans="1:4">
      <c r="A288" s="44" t="s">
        <v>549</v>
      </c>
      <c r="B288" s="204">
        <v>70</v>
      </c>
      <c r="C288" s="205">
        <v>4.0481640070419118</v>
      </c>
      <c r="D288" s="206">
        <v>0.41256216044601579</v>
      </c>
    </row>
    <row r="289" spans="1:49">
      <c r="A289" s="52" t="s">
        <v>550</v>
      </c>
      <c r="B289" s="201">
        <v>120</v>
      </c>
      <c r="C289" s="202">
        <v>4.8623838456873072</v>
      </c>
      <c r="D289" s="203">
        <v>0.30617701744754111</v>
      </c>
    </row>
    <row r="290" spans="1:49">
      <c r="A290" s="44" t="s">
        <v>551</v>
      </c>
      <c r="B290" s="204">
        <v>67</v>
      </c>
      <c r="C290" s="205">
        <v>4.8188337281726721</v>
      </c>
      <c r="D290" s="206">
        <v>0.41721350751155145</v>
      </c>
    </row>
    <row r="291" spans="1:49" s="238" customFormat="1">
      <c r="A291" s="231"/>
      <c r="B291" s="245"/>
      <c r="C291" s="246"/>
      <c r="D291" s="247"/>
    </row>
    <row r="292" spans="1:49" s="238" customFormat="1">
      <c r="A292" s="231"/>
      <c r="B292" s="245"/>
      <c r="C292" s="246"/>
      <c r="D292" s="247"/>
    </row>
    <row r="293" spans="1:49" ht="18.75">
      <c r="A293" s="334" t="s">
        <v>67</v>
      </c>
      <c r="B293" s="334"/>
      <c r="C293" s="334"/>
      <c r="D293" s="334"/>
      <c r="E293" s="334"/>
      <c r="F293" s="334"/>
      <c r="G293" s="334"/>
      <c r="H293" s="334"/>
      <c r="I293" s="334"/>
      <c r="J293" s="334"/>
      <c r="K293" s="334"/>
      <c r="L293" s="334"/>
      <c r="M293" s="334"/>
      <c r="N293" s="334"/>
      <c r="O293" s="334"/>
      <c r="P293" s="334"/>
      <c r="Q293" s="334"/>
      <c r="R293" s="334"/>
      <c r="S293" s="334"/>
      <c r="T293" s="224"/>
      <c r="U293" s="224"/>
      <c r="V293" s="224"/>
      <c r="W293" s="224"/>
      <c r="X293" s="224"/>
      <c r="Y293" s="224"/>
      <c r="Z293" s="224"/>
      <c r="AA293" s="224"/>
      <c r="AB293" s="224"/>
      <c r="AC293" s="224"/>
      <c r="AD293" s="224"/>
      <c r="AE293" s="224"/>
      <c r="AF293" s="224"/>
      <c r="AG293" s="224"/>
      <c r="AH293" s="224"/>
      <c r="AI293" s="224"/>
      <c r="AJ293" s="224"/>
      <c r="AK293" s="242"/>
      <c r="AL293" s="242"/>
      <c r="AM293" s="242"/>
      <c r="AN293" s="242"/>
      <c r="AO293" s="242"/>
      <c r="AP293" s="242"/>
      <c r="AQ293" s="242"/>
      <c r="AR293" s="242"/>
      <c r="AS293" s="242"/>
    </row>
    <row r="294" spans="1:49" ht="67.5" customHeight="1">
      <c r="A294" s="413" t="s">
        <v>420</v>
      </c>
      <c r="B294" s="413"/>
      <c r="C294" s="413"/>
      <c r="D294" s="413"/>
      <c r="E294" s="413"/>
      <c r="F294" s="413"/>
      <c r="G294" s="413"/>
      <c r="H294" s="413"/>
      <c r="I294" s="413"/>
      <c r="J294" s="413"/>
      <c r="K294" s="413"/>
      <c r="L294" s="413"/>
      <c r="M294" s="413"/>
      <c r="N294" s="413"/>
      <c r="O294" s="413"/>
      <c r="P294" s="413"/>
      <c r="Q294" s="413"/>
      <c r="R294" s="413"/>
      <c r="S294" s="413"/>
      <c r="T294" s="243"/>
      <c r="U294" s="243"/>
      <c r="V294" s="243"/>
      <c r="W294" s="243"/>
      <c r="X294" s="243"/>
      <c r="Y294" s="243"/>
      <c r="Z294" s="243"/>
      <c r="AA294" s="243"/>
      <c r="AB294" s="243"/>
      <c r="AC294" s="243"/>
      <c r="AD294" s="243"/>
      <c r="AE294" s="243"/>
      <c r="AF294" s="243"/>
      <c r="AG294" s="243"/>
      <c r="AH294" s="243"/>
      <c r="AI294" s="243"/>
      <c r="AJ294" s="243"/>
      <c r="AK294" s="242"/>
      <c r="AL294" s="242"/>
      <c r="AM294" s="242"/>
      <c r="AN294" s="242"/>
      <c r="AO294" s="242"/>
      <c r="AP294" s="242"/>
      <c r="AQ294" s="242"/>
      <c r="AR294" s="242"/>
      <c r="AS294" s="242"/>
    </row>
    <row r="295" spans="1:49" ht="33" customHeight="1">
      <c r="A295" s="59"/>
      <c r="B295" s="398" t="s">
        <v>240</v>
      </c>
      <c r="C295" s="399"/>
      <c r="D295" s="399"/>
      <c r="E295" s="399"/>
      <c r="F295" s="399"/>
      <c r="G295" s="399"/>
      <c r="H295" s="399"/>
      <c r="I295" s="399"/>
      <c r="J295" s="400"/>
      <c r="K295" s="398" t="s">
        <v>421</v>
      </c>
      <c r="L295" s="399"/>
      <c r="M295" s="399"/>
      <c r="N295" s="399"/>
      <c r="O295" s="399"/>
      <c r="P295" s="399"/>
      <c r="Q295" s="399"/>
      <c r="R295" s="399"/>
      <c r="S295" s="400"/>
      <c r="T295" s="242"/>
      <c r="U295" s="242"/>
      <c r="V295" s="242"/>
      <c r="W295" s="242"/>
      <c r="X295" s="242"/>
      <c r="Y295" s="242"/>
      <c r="Z295" s="242"/>
      <c r="AA295" s="242"/>
      <c r="AB295" s="242"/>
      <c r="AC295" s="242"/>
      <c r="AD295" s="242"/>
      <c r="AE295" s="242"/>
      <c r="AF295" s="242"/>
      <c r="AG295" s="242"/>
      <c r="AH295" s="242"/>
      <c r="AI295" s="242"/>
      <c r="AJ295" s="242"/>
      <c r="AK295" s="242"/>
      <c r="AL295" s="242"/>
      <c r="AM295" s="242"/>
      <c r="AN295" s="242"/>
      <c r="AO295" s="242"/>
      <c r="AP295" s="242"/>
      <c r="AQ295" s="242"/>
      <c r="AR295" s="242"/>
      <c r="AS295" s="242"/>
      <c r="AT295" s="242"/>
      <c r="AU295" s="242"/>
      <c r="AV295" s="242"/>
      <c r="AW295" s="242"/>
    </row>
    <row r="296" spans="1:49" ht="41.25" customHeight="1">
      <c r="A296" s="32" t="s">
        <v>71</v>
      </c>
      <c r="B296" s="33" t="s">
        <v>72</v>
      </c>
      <c r="C296" s="33" t="s">
        <v>312</v>
      </c>
      <c r="D296" s="84" t="s">
        <v>143</v>
      </c>
      <c r="E296" s="33" t="s">
        <v>313</v>
      </c>
      <c r="F296" s="84" t="s">
        <v>144</v>
      </c>
      <c r="G296" s="33" t="s">
        <v>314</v>
      </c>
      <c r="H296" s="84" t="s">
        <v>117</v>
      </c>
      <c r="I296" s="33" t="s">
        <v>301</v>
      </c>
      <c r="J296" s="84" t="s">
        <v>315</v>
      </c>
      <c r="K296" s="60" t="s">
        <v>72</v>
      </c>
      <c r="L296" s="60" t="s">
        <v>312</v>
      </c>
      <c r="M296" s="83" t="s">
        <v>143</v>
      </c>
      <c r="N296" s="60" t="s">
        <v>313</v>
      </c>
      <c r="O296" s="83" t="s">
        <v>144</v>
      </c>
      <c r="P296" s="60" t="s">
        <v>314</v>
      </c>
      <c r="Q296" s="244" t="s">
        <v>117</v>
      </c>
      <c r="R296" s="258" t="s">
        <v>301</v>
      </c>
      <c r="S296" s="83" t="s">
        <v>315</v>
      </c>
      <c r="T296" s="242"/>
      <c r="U296" s="242"/>
      <c r="V296" s="242"/>
      <c r="W296" s="242"/>
      <c r="X296" s="242"/>
      <c r="Y296" s="242"/>
      <c r="Z296" s="242"/>
      <c r="AA296" s="242"/>
      <c r="AB296" s="242"/>
      <c r="AC296" s="242"/>
      <c r="AD296" s="242"/>
      <c r="AE296" s="242"/>
      <c r="AF296" s="242"/>
      <c r="AG296" s="242"/>
      <c r="AH296" s="242"/>
      <c r="AI296" s="242"/>
      <c r="AJ296" s="242"/>
      <c r="AK296" s="242"/>
      <c r="AL296" s="242"/>
      <c r="AM296" s="242"/>
      <c r="AN296" s="242"/>
      <c r="AO296" s="242"/>
      <c r="AP296" s="242"/>
      <c r="AQ296" s="242"/>
      <c r="AR296" s="242"/>
      <c r="AS296" s="242"/>
      <c r="AT296" s="242"/>
      <c r="AU296" s="242"/>
      <c r="AV296" s="242"/>
      <c r="AW296" s="242"/>
    </row>
    <row r="297" spans="1:49" ht="72">
      <c r="A297" s="36"/>
      <c r="B297" s="37" t="s">
        <v>74</v>
      </c>
      <c r="C297" s="37" t="s">
        <v>159</v>
      </c>
      <c r="D297" s="86" t="s">
        <v>88</v>
      </c>
      <c r="E297" s="37" t="s">
        <v>160</v>
      </c>
      <c r="F297" s="86" t="s">
        <v>88</v>
      </c>
      <c r="G297" s="37" t="s">
        <v>161</v>
      </c>
      <c r="H297" s="86" t="s">
        <v>88</v>
      </c>
      <c r="I297" s="37" t="s">
        <v>301</v>
      </c>
      <c r="J297" s="86" t="s">
        <v>88</v>
      </c>
      <c r="K297" s="63" t="s">
        <v>74</v>
      </c>
      <c r="L297" s="63" t="s">
        <v>159</v>
      </c>
      <c r="M297" s="85" t="s">
        <v>88</v>
      </c>
      <c r="N297" s="63" t="s">
        <v>160</v>
      </c>
      <c r="O297" s="85" t="s">
        <v>88</v>
      </c>
      <c r="P297" s="63" t="s">
        <v>161</v>
      </c>
      <c r="Q297" s="255" t="s">
        <v>88</v>
      </c>
      <c r="R297" s="259" t="s">
        <v>301</v>
      </c>
      <c r="S297" s="85" t="s">
        <v>88</v>
      </c>
    </row>
    <row r="298" spans="1:49">
      <c r="A298" s="40" t="s">
        <v>349</v>
      </c>
      <c r="B298" s="197">
        <v>13878</v>
      </c>
      <c r="C298" s="199">
        <v>0.16339033606008055</v>
      </c>
      <c r="D298" s="89">
        <v>6.2774358812823922E-3</v>
      </c>
      <c r="E298" s="199">
        <v>0.11431845030675639</v>
      </c>
      <c r="F298" s="89">
        <v>5.4036185174879065E-3</v>
      </c>
      <c r="G298" s="199">
        <v>0.70621469489153232</v>
      </c>
      <c r="H298" s="89">
        <v>7.7323771471404035E-3</v>
      </c>
      <c r="I298" s="199">
        <v>1.6076518741640532E-2</v>
      </c>
      <c r="J298" s="89">
        <v>2.1440019009182566E-3</v>
      </c>
      <c r="K298" s="197">
        <v>13866</v>
      </c>
      <c r="L298" s="199">
        <v>0.24246825328875521</v>
      </c>
      <c r="M298" s="89">
        <v>7.2788846876738781E-3</v>
      </c>
      <c r="N298" s="199">
        <v>0.12754606611305092</v>
      </c>
      <c r="O298" s="89">
        <v>5.6669921283084594E-3</v>
      </c>
      <c r="P298" s="199">
        <v>0.60806084817354888</v>
      </c>
      <c r="Q298" s="256">
        <v>8.2905004196120579E-3</v>
      </c>
      <c r="R298" s="199">
        <v>2.1924832424661145E-2</v>
      </c>
      <c r="S298" s="89">
        <v>2.4944606318117587E-3</v>
      </c>
    </row>
    <row r="299" spans="1:49">
      <c r="A299" s="44" t="s">
        <v>350</v>
      </c>
      <c r="B299" s="198">
        <v>10196</v>
      </c>
      <c r="C299" s="200">
        <v>0.23298116959314863</v>
      </c>
      <c r="D299" s="92">
        <v>8.3726176962051844E-3</v>
      </c>
      <c r="E299" s="200">
        <v>0.1241100937099985</v>
      </c>
      <c r="F299" s="92">
        <v>6.5325001919750202E-3</v>
      </c>
      <c r="G299" s="200">
        <v>0.63229273388527618</v>
      </c>
      <c r="H299" s="92">
        <v>9.548890838625694E-3</v>
      </c>
      <c r="I299" s="200">
        <v>1.0616002811573835E-2</v>
      </c>
      <c r="J299" s="92">
        <v>2.0475817406493324E-3</v>
      </c>
      <c r="K299" s="198">
        <v>10178</v>
      </c>
      <c r="L299" s="200">
        <v>0.3143579821918957</v>
      </c>
      <c r="M299" s="92">
        <v>9.2024121563617778E-3</v>
      </c>
      <c r="N299" s="200">
        <v>0.13257185010653613</v>
      </c>
      <c r="O299" s="92">
        <v>6.7244385260997967E-3</v>
      </c>
      <c r="P299" s="200">
        <v>0.52882796947341926</v>
      </c>
      <c r="Q299" s="257">
        <v>9.8937510362868426E-3</v>
      </c>
      <c r="R299" s="200">
        <v>2.4242198228148513E-2</v>
      </c>
      <c r="S299" s="92">
        <v>3.0598250757300693E-3</v>
      </c>
    </row>
    <row r="300" spans="1:49">
      <c r="A300" s="40" t="s">
        <v>351</v>
      </c>
      <c r="B300" s="197">
        <v>3682</v>
      </c>
      <c r="C300" s="199">
        <v>0.10648612487476335</v>
      </c>
      <c r="D300" s="89">
        <v>1.0179226080639958E-2</v>
      </c>
      <c r="E300" s="199">
        <v>0.10631185352120638</v>
      </c>
      <c r="F300" s="89">
        <v>1.0171926721082273E-2</v>
      </c>
      <c r="G300" s="199">
        <v>0.76666045573060715</v>
      </c>
      <c r="H300" s="89">
        <v>1.3939114491659028E-2</v>
      </c>
      <c r="I300" s="199">
        <v>2.0541565873423859E-2</v>
      </c>
      <c r="J300" s="89">
        <v>4.730187941488751E-3</v>
      </c>
      <c r="K300" s="197">
        <v>3688</v>
      </c>
      <c r="L300" s="199">
        <v>0.18394347093250465</v>
      </c>
      <c r="M300" s="89">
        <v>1.2761866073402827E-2</v>
      </c>
      <c r="N300" s="199">
        <v>0.12345462052163975</v>
      </c>
      <c r="O300" s="89">
        <v>1.0843146443311287E-2</v>
      </c>
      <c r="P300" s="199">
        <v>0.67256362279981263</v>
      </c>
      <c r="Q300" s="256">
        <v>1.5448733445202551E-2</v>
      </c>
      <c r="R300" s="199">
        <v>2.0038285746043338E-2</v>
      </c>
      <c r="S300" s="89">
        <v>4.6706993838929569E-3</v>
      </c>
    </row>
    <row r="301" spans="1:49">
      <c r="A301" s="44" t="s">
        <v>533</v>
      </c>
      <c r="B301" s="198">
        <v>3192</v>
      </c>
      <c r="C301" s="200">
        <v>0.15183650636011656</v>
      </c>
      <c r="D301" s="92">
        <v>1.2710575044167331E-2</v>
      </c>
      <c r="E301" s="200">
        <v>9.7097438448785753E-2</v>
      </c>
      <c r="F301" s="92">
        <v>1.049915699111266E-2</v>
      </c>
      <c r="G301" s="200">
        <v>0.7304493098934981</v>
      </c>
      <c r="H301" s="92">
        <v>1.570320653782345E-2</v>
      </c>
      <c r="I301" s="200">
        <v>2.061674529759662E-2</v>
      </c>
      <c r="J301" s="92">
        <v>5.0981081852899332E-3</v>
      </c>
      <c r="K301" s="198">
        <v>3187</v>
      </c>
      <c r="L301" s="200">
        <v>0.2451286505840847</v>
      </c>
      <c r="M301" s="92">
        <v>1.5236703353286012E-2</v>
      </c>
      <c r="N301" s="200">
        <v>0.10672955805530693</v>
      </c>
      <c r="O301" s="92">
        <v>1.0954214339027889E-2</v>
      </c>
      <c r="P301" s="200">
        <v>0.61838430553681478</v>
      </c>
      <c r="Q301" s="257">
        <v>1.7200506872709239E-2</v>
      </c>
      <c r="R301" s="200">
        <v>2.9757485823788173E-2</v>
      </c>
      <c r="S301" s="92">
        <v>6.0734055229433887E-3</v>
      </c>
    </row>
    <row r="302" spans="1:49">
      <c r="A302" s="40" t="s">
        <v>534</v>
      </c>
      <c r="B302" s="197">
        <v>2511</v>
      </c>
      <c r="C302" s="199">
        <v>0.26440206982661474</v>
      </c>
      <c r="D302" s="89">
        <v>1.7595862334713969E-2</v>
      </c>
      <c r="E302" s="199">
        <v>0.11321688920180317</v>
      </c>
      <c r="F302" s="89">
        <v>1.2666344650264168E-2</v>
      </c>
      <c r="G302" s="199">
        <v>0.61671604492403109</v>
      </c>
      <c r="H302" s="89">
        <v>1.9391156716007767E-2</v>
      </c>
      <c r="I302" s="199">
        <v>5.6649960475541224E-3</v>
      </c>
      <c r="J302" s="89">
        <v>3.1928340664456527E-3</v>
      </c>
      <c r="K302" s="197">
        <v>2504</v>
      </c>
      <c r="L302" s="199">
        <v>0.36007584578735652</v>
      </c>
      <c r="M302" s="89">
        <v>1.917283238234143E-2</v>
      </c>
      <c r="N302" s="199">
        <v>0.11512064823365328</v>
      </c>
      <c r="O302" s="89">
        <v>1.2775825614078154E-2</v>
      </c>
      <c r="P302" s="199">
        <v>0.48620615819975527</v>
      </c>
      <c r="Q302" s="256">
        <v>1.9960500722708413E-2</v>
      </c>
      <c r="R302" s="199">
        <v>3.859734777923652E-2</v>
      </c>
      <c r="S302" s="89">
        <v>7.763051327727674E-3</v>
      </c>
    </row>
    <row r="303" spans="1:49">
      <c r="A303" s="44" t="s">
        <v>535</v>
      </c>
      <c r="B303" s="198">
        <v>488</v>
      </c>
      <c r="C303" s="200">
        <v>0.2480702925565339</v>
      </c>
      <c r="D303" s="92">
        <v>3.9049607467859418E-2</v>
      </c>
      <c r="E303" s="200">
        <v>0.10374385349115503</v>
      </c>
      <c r="F303" s="92">
        <v>2.7867841575902615E-2</v>
      </c>
      <c r="G303" s="200">
        <v>0.64073960299751331</v>
      </c>
      <c r="H303" s="92">
        <v>4.3290766799254726E-2</v>
      </c>
      <c r="I303" s="200">
        <v>7.4462509547998535E-3</v>
      </c>
      <c r="J303" s="92">
        <v>9.5932027239136099E-3</v>
      </c>
      <c r="K303" s="198">
        <v>484</v>
      </c>
      <c r="L303" s="200">
        <v>0.29474439891752613</v>
      </c>
      <c r="M303" s="92">
        <v>4.1345997204418582E-2</v>
      </c>
      <c r="N303" s="200">
        <v>0.13024430322883671</v>
      </c>
      <c r="O303" s="92">
        <v>3.0770546733528147E-2</v>
      </c>
      <c r="P303" s="200">
        <v>0.53099033665581108</v>
      </c>
      <c r="Q303" s="257">
        <v>4.5182261025358356E-2</v>
      </c>
      <c r="R303" s="200">
        <v>4.4020961197829937E-2</v>
      </c>
      <c r="S303" s="92">
        <v>1.9307184708029994E-2</v>
      </c>
    </row>
    <row r="304" spans="1:49">
      <c r="A304" s="40" t="s">
        <v>536</v>
      </c>
      <c r="B304" s="197">
        <v>88</v>
      </c>
      <c r="C304" s="199">
        <v>0.36343421923506597</v>
      </c>
      <c r="D304" s="89">
        <v>0.10063629942618456</v>
      </c>
      <c r="E304" s="199">
        <v>0.12491523952975635</v>
      </c>
      <c r="F304" s="89">
        <v>7.2615503157147515E-2</v>
      </c>
      <c r="G304" s="199">
        <v>0.51165054123517739</v>
      </c>
      <c r="H304" s="89">
        <v>0.10423130868909501</v>
      </c>
      <c r="I304" s="199">
        <v>0</v>
      </c>
      <c r="J304" s="89">
        <v>3.0407765486097187E-2</v>
      </c>
      <c r="K304" s="197">
        <v>88</v>
      </c>
      <c r="L304" s="199">
        <v>0.33668956782141374</v>
      </c>
      <c r="M304" s="89">
        <v>9.9038517448699598E-2</v>
      </c>
      <c r="N304" s="199">
        <v>0.13971275107548359</v>
      </c>
      <c r="O304" s="89">
        <v>7.5537285140874599E-2</v>
      </c>
      <c r="P304" s="199">
        <v>0.46537327035415627</v>
      </c>
      <c r="Q304" s="256">
        <v>0.10402821206145114</v>
      </c>
      <c r="R304" s="199">
        <v>5.8224410748946118E-2</v>
      </c>
      <c r="S304" s="89">
        <v>5.5730845202784055E-2</v>
      </c>
    </row>
    <row r="305" spans="1:19">
      <c r="A305" s="44" t="s">
        <v>537</v>
      </c>
      <c r="B305" s="198">
        <v>139</v>
      </c>
      <c r="C305" s="200">
        <v>0.2443567238964349</v>
      </c>
      <c r="D305" s="92">
        <v>7.256567212689545E-2</v>
      </c>
      <c r="E305" s="200">
        <v>8.2938875439499349E-2</v>
      </c>
      <c r="F305" s="92">
        <v>4.8948332922092379E-2</v>
      </c>
      <c r="G305" s="200">
        <v>0.67270440066406534</v>
      </c>
      <c r="H305" s="92">
        <v>7.8769999826592482E-2</v>
      </c>
      <c r="I305" s="200">
        <v>0</v>
      </c>
      <c r="J305" s="92">
        <v>1.964040746931579E-2</v>
      </c>
      <c r="K305" s="198">
        <v>139</v>
      </c>
      <c r="L305" s="200">
        <v>0.31379991893160375</v>
      </c>
      <c r="M305" s="92">
        <v>7.7953188242215365E-2</v>
      </c>
      <c r="N305" s="200">
        <v>0.12469278498020582</v>
      </c>
      <c r="O305" s="92">
        <v>5.7186802833810703E-2</v>
      </c>
      <c r="P305" s="200">
        <v>0.52529662823870571</v>
      </c>
      <c r="Q305" s="257">
        <v>8.3523017989232562E-2</v>
      </c>
      <c r="R305" s="200">
        <v>3.62106678494847E-2</v>
      </c>
      <c r="S305" s="92">
        <v>3.6167732878226784E-2</v>
      </c>
    </row>
    <row r="306" spans="1:19">
      <c r="A306" s="40" t="s">
        <v>538</v>
      </c>
      <c r="B306" s="197">
        <v>107</v>
      </c>
      <c r="C306" s="199">
        <v>0.32259604240139106</v>
      </c>
      <c r="D306" s="89">
        <v>8.919161078185156E-2</v>
      </c>
      <c r="E306" s="199">
        <v>6.7427949847930269E-2</v>
      </c>
      <c r="F306" s="89">
        <v>5.2375791702023278E-2</v>
      </c>
      <c r="G306" s="199">
        <v>0.58125944641208516</v>
      </c>
      <c r="H306" s="89">
        <v>9.3743800091297319E-2</v>
      </c>
      <c r="I306" s="199">
        <v>2.8716561338593048E-2</v>
      </c>
      <c r="J306" s="89">
        <v>3.9643129357623104E-2</v>
      </c>
      <c r="K306" s="197">
        <v>106</v>
      </c>
      <c r="L306" s="199">
        <v>0.2940598679167985</v>
      </c>
      <c r="M306" s="89">
        <v>8.7514578907035637E-2</v>
      </c>
      <c r="N306" s="199">
        <v>0.12394578524319051</v>
      </c>
      <c r="O306" s="89">
        <v>6.5693803874362855E-2</v>
      </c>
      <c r="P306" s="199">
        <v>0.48597457896730917</v>
      </c>
      <c r="Q306" s="256">
        <v>9.5311419483360124E-2</v>
      </c>
      <c r="R306" s="199">
        <v>9.601976787270089E-2</v>
      </c>
      <c r="S306" s="89">
        <v>5.9834092836264202E-2</v>
      </c>
    </row>
    <row r="307" spans="1:19">
      <c r="A307" s="44" t="s">
        <v>539</v>
      </c>
      <c r="B307" s="198">
        <v>154</v>
      </c>
      <c r="C307" s="200">
        <v>0.16800529928615082</v>
      </c>
      <c r="D307" s="92">
        <v>6.0648324244040187E-2</v>
      </c>
      <c r="E307" s="200">
        <v>0.12572713685314674</v>
      </c>
      <c r="F307" s="92">
        <v>5.4406512654371089E-2</v>
      </c>
      <c r="G307" s="200">
        <v>0.70184566216749134</v>
      </c>
      <c r="H307" s="92">
        <v>7.3138517069864864E-2</v>
      </c>
      <c r="I307" s="200">
        <v>4.4219016932108349E-3</v>
      </c>
      <c r="J307" s="92">
        <v>2.0549577863857263E-2</v>
      </c>
      <c r="K307" s="198">
        <v>151</v>
      </c>
      <c r="L307" s="200">
        <v>0.26675954476466934</v>
      </c>
      <c r="M307" s="92">
        <v>7.1548848118204278E-2</v>
      </c>
      <c r="N307" s="200">
        <v>0.13302904709083097</v>
      </c>
      <c r="O307" s="92">
        <v>5.6154906634028362E-2</v>
      </c>
      <c r="P307" s="200">
        <v>0.58285647246222638</v>
      </c>
      <c r="Q307" s="257">
        <v>7.9268358505915848E-2</v>
      </c>
      <c r="R307" s="200">
        <v>1.7354935682272862E-2</v>
      </c>
      <c r="S307" s="92">
        <v>2.7319679146507955E-2</v>
      </c>
    </row>
    <row r="308" spans="1:19">
      <c r="A308" s="40" t="s">
        <v>540</v>
      </c>
      <c r="B308" s="197">
        <v>341</v>
      </c>
      <c r="C308" s="199">
        <v>0.27406379129625408</v>
      </c>
      <c r="D308" s="89">
        <v>4.816994914508365E-2</v>
      </c>
      <c r="E308" s="199">
        <v>7.373974060822891E-2</v>
      </c>
      <c r="F308" s="89">
        <v>2.8990962901452529E-2</v>
      </c>
      <c r="G308" s="199">
        <v>0.64765746687823766</v>
      </c>
      <c r="H308" s="89">
        <v>5.1493622751345586E-2</v>
      </c>
      <c r="I308" s="199">
        <v>4.5390012172804367E-3</v>
      </c>
      <c r="J308" s="89">
        <v>1.086290145948178E-2</v>
      </c>
      <c r="K308" s="197">
        <v>339</v>
      </c>
      <c r="L308" s="199">
        <v>0.3377345654415731</v>
      </c>
      <c r="M308" s="89">
        <v>5.1142111540112209E-2</v>
      </c>
      <c r="N308" s="199">
        <v>9.2410579889740455E-2</v>
      </c>
      <c r="O308" s="89">
        <v>3.1984508539809615E-2</v>
      </c>
      <c r="P308" s="199">
        <v>0.5413140626510623</v>
      </c>
      <c r="Q308" s="256">
        <v>5.3814574857486024E-2</v>
      </c>
      <c r="R308" s="199">
        <v>2.8540792017624765E-2</v>
      </c>
      <c r="S308" s="89">
        <v>1.9581693923213517E-2</v>
      </c>
    </row>
    <row r="309" spans="1:19">
      <c r="A309" s="44" t="s">
        <v>541</v>
      </c>
      <c r="B309" s="198">
        <v>113</v>
      </c>
      <c r="C309" s="200">
        <v>0.26699300539826076</v>
      </c>
      <c r="D309" s="92">
        <v>8.2556703900181314E-2</v>
      </c>
      <c r="E309" s="200">
        <v>0.11718401704999822</v>
      </c>
      <c r="F309" s="92">
        <v>6.2237761903668351E-2</v>
      </c>
      <c r="G309" s="200">
        <v>0.61502237476487143</v>
      </c>
      <c r="H309" s="92">
        <v>9.0139306249577625E-2</v>
      </c>
      <c r="I309" s="200">
        <v>8.0060278687010789E-4</v>
      </c>
      <c r="J309" s="92">
        <v>2.4493508830753137E-2</v>
      </c>
      <c r="K309" s="198">
        <v>112</v>
      </c>
      <c r="L309" s="200">
        <v>0.40155022134594903</v>
      </c>
      <c r="M309" s="92">
        <v>9.1154388705221023E-2</v>
      </c>
      <c r="N309" s="200">
        <v>9.4482383562056349E-2</v>
      </c>
      <c r="O309" s="92">
        <v>5.7745258291624933E-2</v>
      </c>
      <c r="P309" s="200">
        <v>0.46626546289845483</v>
      </c>
      <c r="Q309" s="257">
        <v>9.265045767262578E-2</v>
      </c>
      <c r="R309" s="200">
        <v>3.7701932193540136E-2</v>
      </c>
      <c r="S309" s="92">
        <v>4.1839449770414074E-2</v>
      </c>
    </row>
    <row r="310" spans="1:19">
      <c r="A310" s="40" t="s">
        <v>542</v>
      </c>
      <c r="B310" s="197">
        <v>95</v>
      </c>
      <c r="C310" s="199">
        <v>0.26340569245112139</v>
      </c>
      <c r="D310" s="89">
        <v>8.9545459432557428E-2</v>
      </c>
      <c r="E310" s="199">
        <v>5.4686529322761898E-2</v>
      </c>
      <c r="F310" s="89">
        <v>5.218334297970495E-2</v>
      </c>
      <c r="G310" s="199">
        <v>0.66850802087884131</v>
      </c>
      <c r="H310" s="89">
        <v>9.5102971134825576E-2</v>
      </c>
      <c r="I310" s="199">
        <v>1.3399757347276258E-2</v>
      </c>
      <c r="J310" s="89">
        <v>3.5938997099666734E-2</v>
      </c>
      <c r="K310" s="197">
        <v>94</v>
      </c>
      <c r="L310" s="199">
        <v>0.27264829446147748</v>
      </c>
      <c r="M310" s="89">
        <v>9.0901288373998454E-2</v>
      </c>
      <c r="N310" s="199">
        <v>8.4949445156531647E-2</v>
      </c>
      <c r="O310" s="89">
        <v>6.1115031762525883E-2</v>
      </c>
      <c r="P310" s="199">
        <v>0.63314627074289742</v>
      </c>
      <c r="Q310" s="256">
        <v>9.7664505752573974E-2</v>
      </c>
      <c r="R310" s="199">
        <v>9.2559896390943166E-3</v>
      </c>
      <c r="S310" s="89">
        <v>3.4063965447162198E-2</v>
      </c>
    </row>
    <row r="311" spans="1:19">
      <c r="A311" s="44" t="s">
        <v>543</v>
      </c>
      <c r="B311" s="198">
        <v>77</v>
      </c>
      <c r="C311" s="200">
        <v>0.28739000671712595</v>
      </c>
      <c r="D311" s="92">
        <v>0.10162901575036395</v>
      </c>
      <c r="E311" s="200">
        <v>1.8056456069922774E-2</v>
      </c>
      <c r="F311" s="92">
        <v>4.4502296251492296E-2</v>
      </c>
      <c r="G311" s="200">
        <v>0.69455353721295121</v>
      </c>
      <c r="H311" s="92">
        <v>0.10323053277911369</v>
      </c>
      <c r="I311" s="200">
        <v>0</v>
      </c>
      <c r="J311" s="92">
        <v>3.4485061975244265E-2</v>
      </c>
      <c r="K311" s="198">
        <v>77</v>
      </c>
      <c r="L311" s="200">
        <v>0.3068030496087385</v>
      </c>
      <c r="M311" s="92">
        <v>0.10334416701638315</v>
      </c>
      <c r="N311" s="200">
        <v>0.10390644829107304</v>
      </c>
      <c r="O311" s="92">
        <v>7.3104902309872391E-2</v>
      </c>
      <c r="P311" s="200">
        <v>0.53283528050897655</v>
      </c>
      <c r="Q311" s="257">
        <v>0.11089438855545497</v>
      </c>
      <c r="R311" s="200">
        <v>5.645522159121194E-2</v>
      </c>
      <c r="S311" s="92">
        <v>5.9718924632811289E-2</v>
      </c>
    </row>
    <row r="312" spans="1:19">
      <c r="A312" s="52" t="s">
        <v>544</v>
      </c>
      <c r="B312" s="197">
        <v>56</v>
      </c>
      <c r="C312" s="199">
        <v>0.29277631500001255</v>
      </c>
      <c r="D312" s="89">
        <v>0.11904986256623123</v>
      </c>
      <c r="E312" s="199">
        <v>0.12088288698279805</v>
      </c>
      <c r="F312" s="89">
        <v>9.1212348197558857E-2</v>
      </c>
      <c r="G312" s="199">
        <v>0.58634079801718908</v>
      </c>
      <c r="H312" s="89">
        <v>0.12741169462361848</v>
      </c>
      <c r="I312" s="199">
        <v>0</v>
      </c>
      <c r="J312" s="89">
        <v>4.6348119143587135E-2</v>
      </c>
      <c r="K312" s="197">
        <v>56</v>
      </c>
      <c r="L312" s="199">
        <v>0.4039974554757938</v>
      </c>
      <c r="M312" s="89">
        <v>0.12700955722942131</v>
      </c>
      <c r="N312" s="199">
        <v>8.4379950766822351E-2</v>
      </c>
      <c r="O312" s="89">
        <v>8.1455200204830713E-2</v>
      </c>
      <c r="P312" s="199">
        <v>0.50967941532231842</v>
      </c>
      <c r="Q312" s="256">
        <v>0.12907837016281867</v>
      </c>
      <c r="R312" s="199">
        <v>1.943178435065549E-3</v>
      </c>
      <c r="S312" s="89">
        <v>4.7547630352782873E-2</v>
      </c>
    </row>
    <row r="313" spans="1:19">
      <c r="A313" s="44" t="s">
        <v>545</v>
      </c>
      <c r="B313" s="198">
        <v>637</v>
      </c>
      <c r="C313" s="200">
        <v>0.25269909280050312</v>
      </c>
      <c r="D313" s="92">
        <v>3.4397253353539707E-2</v>
      </c>
      <c r="E313" s="200">
        <v>0.11601634440725375</v>
      </c>
      <c r="F313" s="92">
        <v>2.5523043764210031E-2</v>
      </c>
      <c r="G313" s="200">
        <v>0.6216204070392789</v>
      </c>
      <c r="H313" s="92">
        <v>3.8326335527669127E-2</v>
      </c>
      <c r="I313" s="200">
        <v>9.6641557529680948E-3</v>
      </c>
      <c r="J313" s="92">
        <v>8.8538398041325232E-3</v>
      </c>
      <c r="K313" s="198">
        <v>638</v>
      </c>
      <c r="L313" s="200">
        <v>0.3447582428076621</v>
      </c>
      <c r="M313" s="92">
        <v>3.7541202522729696E-2</v>
      </c>
      <c r="N313" s="200">
        <v>0.12790851079469812</v>
      </c>
      <c r="O313" s="92">
        <v>2.6565361530848288E-2</v>
      </c>
      <c r="P313" s="200">
        <v>0.48673382715261726</v>
      </c>
      <c r="Q313" s="257">
        <v>3.9453130429842033E-2</v>
      </c>
      <c r="R313" s="200">
        <v>4.0599419245027503E-2</v>
      </c>
      <c r="S313" s="92">
        <v>1.6094116946233913E-2</v>
      </c>
    </row>
    <row r="314" spans="1:19">
      <c r="A314" s="52" t="s">
        <v>546</v>
      </c>
      <c r="B314" s="197">
        <v>67</v>
      </c>
      <c r="C314" s="199">
        <v>0.27830011058587678</v>
      </c>
      <c r="D314" s="89">
        <v>0.10778990480229025</v>
      </c>
      <c r="E314" s="199">
        <v>0.13163387150652681</v>
      </c>
      <c r="F314" s="89">
        <v>8.530479824811453E-2</v>
      </c>
      <c r="G314" s="199">
        <v>0.54451258319439599</v>
      </c>
      <c r="H314" s="89">
        <v>0.11825863136441016</v>
      </c>
      <c r="I314" s="199">
        <v>4.555343471320062E-2</v>
      </c>
      <c r="J314" s="89">
        <v>6.102083389495689E-2</v>
      </c>
      <c r="K314" s="197">
        <v>66</v>
      </c>
      <c r="L314" s="199">
        <v>0.38850370317570943</v>
      </c>
      <c r="M314" s="89">
        <v>0.11685124061541259</v>
      </c>
      <c r="N314" s="199">
        <v>0.11707559409359697</v>
      </c>
      <c r="O314" s="89">
        <v>8.2686307038304555E-2</v>
      </c>
      <c r="P314" s="199">
        <v>0.42771234688362347</v>
      </c>
      <c r="Q314" s="256">
        <v>0.11840719883566746</v>
      </c>
      <c r="R314" s="199">
        <v>6.6708355847069981E-2</v>
      </c>
      <c r="S314" s="89">
        <v>6.8910503282598637E-2</v>
      </c>
    </row>
    <row r="315" spans="1:19">
      <c r="A315" s="44" t="s">
        <v>547</v>
      </c>
      <c r="B315" s="198">
        <v>145</v>
      </c>
      <c r="C315" s="200">
        <v>0.20539634618505939</v>
      </c>
      <c r="D315" s="92">
        <v>6.7118261638225304E-2</v>
      </c>
      <c r="E315" s="200">
        <v>9.3176552626419509E-2</v>
      </c>
      <c r="F315" s="92">
        <v>5.003665675423552E-2</v>
      </c>
      <c r="G315" s="200">
        <v>0.69978012038329862</v>
      </c>
      <c r="H315" s="92">
        <v>7.5476485635738333E-2</v>
      </c>
      <c r="I315" s="200">
        <v>1.6469808052236655E-3</v>
      </c>
      <c r="J315" s="92">
        <v>1.9932649774742267E-2</v>
      </c>
      <c r="K315" s="198">
        <v>145</v>
      </c>
      <c r="L315" s="200">
        <v>0.22505937262360676</v>
      </c>
      <c r="M315" s="92">
        <v>6.9206785268500673E-2</v>
      </c>
      <c r="N315" s="200">
        <v>0.14483636642992884</v>
      </c>
      <c r="O315" s="92">
        <v>5.9198350951336645E-2</v>
      </c>
      <c r="P315" s="200">
        <v>0.53626550936558404</v>
      </c>
      <c r="Q315" s="257">
        <v>8.1718863136948011E-2</v>
      </c>
      <c r="R315" s="200">
        <v>9.3838751580881466E-2</v>
      </c>
      <c r="S315" s="92">
        <v>5.0173240002423194E-2</v>
      </c>
    </row>
    <row r="316" spans="1:19">
      <c r="A316" s="52" t="s">
        <v>548</v>
      </c>
      <c r="B316" s="197">
        <v>163</v>
      </c>
      <c r="C316" s="199">
        <v>0.32387671794390832</v>
      </c>
      <c r="D316" s="89">
        <v>7.2665051171083794E-2</v>
      </c>
      <c r="E316" s="199">
        <v>0.12067649172181807</v>
      </c>
      <c r="F316" s="89">
        <v>5.2007343124968124E-2</v>
      </c>
      <c r="G316" s="199">
        <v>0.54904756628498119</v>
      </c>
      <c r="H316" s="89">
        <v>7.7026816620139771E-2</v>
      </c>
      <c r="I316" s="199">
        <v>6.3992240492927602E-3</v>
      </c>
      <c r="J316" s="89">
        <v>2.0700288375843146E-2</v>
      </c>
      <c r="K316" s="197">
        <v>164</v>
      </c>
      <c r="L316" s="199">
        <v>0.42668154291108917</v>
      </c>
      <c r="M316" s="89">
        <v>7.6357139752399966E-2</v>
      </c>
      <c r="N316" s="199">
        <v>0.13686135080482512</v>
      </c>
      <c r="O316" s="89">
        <v>5.4409180315409936E-2</v>
      </c>
      <c r="P316" s="199">
        <v>0.40087491665540109</v>
      </c>
      <c r="Q316" s="256">
        <v>7.5693074173433184E-2</v>
      </c>
      <c r="R316" s="199">
        <v>3.5582189628685153E-2</v>
      </c>
      <c r="S316" s="89">
        <v>3.2537337399467119E-2</v>
      </c>
    </row>
    <row r="317" spans="1:19">
      <c r="A317" s="44" t="s">
        <v>549</v>
      </c>
      <c r="B317" s="198">
        <v>71</v>
      </c>
      <c r="C317" s="200">
        <v>0.33900677757855652</v>
      </c>
      <c r="D317" s="92">
        <v>0.10997505937421241</v>
      </c>
      <c r="E317" s="200">
        <v>0.16819925109453213</v>
      </c>
      <c r="F317" s="92">
        <v>8.9840816798524861E-2</v>
      </c>
      <c r="G317" s="200">
        <v>0.49279397132691066</v>
      </c>
      <c r="H317" s="92">
        <v>0.11545930638088173</v>
      </c>
      <c r="I317" s="200">
        <v>0</v>
      </c>
      <c r="J317" s="92">
        <v>3.7206132509255738E-2</v>
      </c>
      <c r="K317" s="198">
        <v>72</v>
      </c>
      <c r="L317" s="200">
        <v>0.51002333915255638</v>
      </c>
      <c r="M317" s="92">
        <v>0.1146871786248351</v>
      </c>
      <c r="N317" s="200">
        <v>9.928994056057755E-2</v>
      </c>
      <c r="O317" s="92">
        <v>7.4653096966255245E-2</v>
      </c>
      <c r="P317" s="200">
        <v>0.3726415588462792</v>
      </c>
      <c r="Q317" s="257">
        <v>0.11131800885738237</v>
      </c>
      <c r="R317" s="200">
        <v>1.8045161440586769E-2</v>
      </c>
      <c r="S317" s="92">
        <v>4.6750554629860809E-2</v>
      </c>
    </row>
    <row r="318" spans="1:19">
      <c r="A318" s="52" t="s">
        <v>550</v>
      </c>
      <c r="B318" s="197">
        <v>122</v>
      </c>
      <c r="C318" s="199">
        <v>0.21751645864637481</v>
      </c>
      <c r="D318" s="89">
        <v>7.4575859267870595E-2</v>
      </c>
      <c r="E318" s="199">
        <v>0.1130425939452724</v>
      </c>
      <c r="F318" s="89">
        <v>5.8991554448378017E-2</v>
      </c>
      <c r="G318" s="199">
        <v>0.66944094740835214</v>
      </c>
      <c r="H318" s="89">
        <v>8.4154752180055067E-2</v>
      </c>
      <c r="I318" s="199">
        <v>0</v>
      </c>
      <c r="J318" s="89">
        <v>2.226896426705402E-2</v>
      </c>
      <c r="K318" s="197">
        <v>122</v>
      </c>
      <c r="L318" s="199">
        <v>0.27421361884657558</v>
      </c>
      <c r="M318" s="89">
        <v>8.0120133099692861E-2</v>
      </c>
      <c r="N318" s="199">
        <v>0.13298918929925371</v>
      </c>
      <c r="O318" s="89">
        <v>6.2670593139152617E-2</v>
      </c>
      <c r="P318" s="199">
        <v>0.57788057532801207</v>
      </c>
      <c r="Q318" s="256">
        <v>8.8068084588198689E-2</v>
      </c>
      <c r="R318" s="199">
        <v>1.491661652615745E-2</v>
      </c>
      <c r="S318" s="89">
        <v>3.0548958241703426E-2</v>
      </c>
    </row>
    <row r="319" spans="1:19">
      <c r="A319" s="44" t="s">
        <v>551</v>
      </c>
      <c r="B319" s="198">
        <v>69</v>
      </c>
      <c r="C319" s="200">
        <v>0.15627754007139846</v>
      </c>
      <c r="D319" s="92">
        <v>8.896591878991128E-2</v>
      </c>
      <c r="E319" s="200">
        <v>0.10003129259260753</v>
      </c>
      <c r="F319" s="92">
        <v>7.6597586127623213E-2</v>
      </c>
      <c r="G319" s="200">
        <v>0.71403712181640921</v>
      </c>
      <c r="H319" s="92">
        <v>0.10703246059957879</v>
      </c>
      <c r="I319" s="200">
        <v>2.9654045519584341E-2</v>
      </c>
      <c r="J319" s="92">
        <v>5.3560534347646946E-2</v>
      </c>
      <c r="K319" s="198">
        <v>69</v>
      </c>
      <c r="L319" s="200">
        <v>0.33180753922765954</v>
      </c>
      <c r="M319" s="92">
        <v>0.11096747467389712</v>
      </c>
      <c r="N319" s="200">
        <v>9.8615011762036284E-2</v>
      </c>
      <c r="O319" s="92">
        <v>7.6234048007787283E-2</v>
      </c>
      <c r="P319" s="200">
        <v>0.53992340349071966</v>
      </c>
      <c r="Q319" s="257">
        <v>0.11670733984236094</v>
      </c>
      <c r="R319" s="200">
        <v>2.9654045519584341E-2</v>
      </c>
      <c r="S319" s="92">
        <v>5.3560534347646946E-2</v>
      </c>
    </row>
    <row r="322" spans="1:10" ht="18.75">
      <c r="A322" s="336" t="s">
        <v>355</v>
      </c>
      <c r="B322" s="336"/>
      <c r="C322" s="336"/>
      <c r="D322" s="336"/>
      <c r="E322" s="224"/>
      <c r="F322" s="224"/>
      <c r="G322" s="224"/>
      <c r="H322" s="224"/>
      <c r="I322" s="224"/>
      <c r="J322" s="238"/>
    </row>
    <row r="323" spans="1:10" ht="147" customHeight="1">
      <c r="A323" s="415" t="s">
        <v>577</v>
      </c>
      <c r="B323" s="415"/>
      <c r="C323" s="415"/>
      <c r="D323" s="415"/>
      <c r="E323" s="260"/>
      <c r="F323" s="260"/>
      <c r="G323" s="260"/>
      <c r="H323" s="260"/>
      <c r="I323" s="260"/>
    </row>
    <row r="324" spans="1:10" ht="36" customHeight="1">
      <c r="A324" s="402" t="s">
        <v>145</v>
      </c>
      <c r="B324" s="402"/>
      <c r="C324" s="402"/>
      <c r="D324" s="402"/>
    </row>
    <row r="325" spans="1:10" ht="40.5" customHeight="1">
      <c r="A325" s="32" t="s">
        <v>71</v>
      </c>
      <c r="B325" s="33" t="s">
        <v>72</v>
      </c>
      <c r="C325" s="34" t="s">
        <v>589</v>
      </c>
      <c r="D325" s="35" t="s">
        <v>73</v>
      </c>
    </row>
    <row r="326" spans="1:10" ht="72">
      <c r="A326" s="36"/>
      <c r="B326" s="37" t="s">
        <v>74</v>
      </c>
      <c r="C326" s="123" t="s">
        <v>146</v>
      </c>
      <c r="D326" s="39" t="s">
        <v>76</v>
      </c>
    </row>
    <row r="327" spans="1:10">
      <c r="A327" s="40" t="s">
        <v>349</v>
      </c>
      <c r="B327" s="201">
        <v>11523</v>
      </c>
      <c r="C327" s="79">
        <v>3.9201570078785295</v>
      </c>
      <c r="D327" s="80">
        <v>2.5636434985028492E-2</v>
      </c>
    </row>
    <row r="328" spans="1:10">
      <c r="A328" s="44" t="s">
        <v>350</v>
      </c>
      <c r="B328" s="44">
        <v>8372</v>
      </c>
      <c r="C328" s="205">
        <v>3.6477619545416866</v>
      </c>
      <c r="D328" s="206">
        <v>2.9306209513935266E-2</v>
      </c>
    </row>
    <row r="329" spans="1:10">
      <c r="A329" s="40" t="s">
        <v>351</v>
      </c>
      <c r="B329" s="48">
        <v>3151</v>
      </c>
      <c r="C329" s="79">
        <v>4.1345471164411531</v>
      </c>
      <c r="D329" s="80">
        <v>5.0877959499426736E-2</v>
      </c>
    </row>
    <row r="330" spans="1:10">
      <c r="A330" s="44" t="s">
        <v>533</v>
      </c>
      <c r="B330" s="44">
        <v>2593</v>
      </c>
      <c r="C330" s="205">
        <v>3.8933049440721752</v>
      </c>
      <c r="D330" s="206">
        <v>5.2010221163860622E-2</v>
      </c>
    </row>
    <row r="331" spans="1:10">
      <c r="A331" s="40" t="s">
        <v>534</v>
      </c>
      <c r="B331" s="48">
        <v>2007</v>
      </c>
      <c r="C331" s="79">
        <v>3.6990566960283138</v>
      </c>
      <c r="D331" s="80">
        <v>5.7920644061368071E-2</v>
      </c>
    </row>
    <row r="332" spans="1:10">
      <c r="A332" s="44" t="s">
        <v>535</v>
      </c>
      <c r="B332" s="44">
        <v>386</v>
      </c>
      <c r="C332" s="205">
        <v>3.7189368983308131</v>
      </c>
      <c r="D332" s="206">
        <v>0.13883738921089323</v>
      </c>
    </row>
    <row r="333" spans="1:10">
      <c r="A333" s="40" t="s">
        <v>536</v>
      </c>
      <c r="B333" s="48">
        <v>57</v>
      </c>
      <c r="C333" s="79">
        <v>4.2651656102353606</v>
      </c>
      <c r="D333" s="80">
        <v>0.39012323896690032</v>
      </c>
    </row>
    <row r="334" spans="1:10">
      <c r="A334" s="44" t="s">
        <v>537</v>
      </c>
      <c r="B334" s="44">
        <v>116</v>
      </c>
      <c r="C334" s="205">
        <v>3.6423471929035496</v>
      </c>
      <c r="D334" s="206">
        <v>0.23589146986590703</v>
      </c>
    </row>
    <row r="335" spans="1:10">
      <c r="A335" s="40" t="s">
        <v>538</v>
      </c>
      <c r="B335" s="48">
        <v>93</v>
      </c>
      <c r="C335" s="79">
        <v>3.6781139524518345</v>
      </c>
      <c r="D335" s="80">
        <v>0.25340103044614914</v>
      </c>
    </row>
    <row r="336" spans="1:10">
      <c r="A336" s="44" t="s">
        <v>539</v>
      </c>
      <c r="B336" s="44">
        <v>120</v>
      </c>
      <c r="C336" s="205">
        <v>3.6325261091689125</v>
      </c>
      <c r="D336" s="206">
        <v>0.26488803615744216</v>
      </c>
    </row>
    <row r="337" spans="1:46">
      <c r="A337" s="40" t="s">
        <v>540</v>
      </c>
      <c r="B337" s="201">
        <v>267</v>
      </c>
      <c r="C337" s="79">
        <v>3.6283377383801194</v>
      </c>
      <c r="D337" s="80">
        <v>0.15091086852041974</v>
      </c>
    </row>
    <row r="338" spans="1:46">
      <c r="A338" s="44" t="s">
        <v>541</v>
      </c>
      <c r="B338" s="204">
        <v>93</v>
      </c>
      <c r="C338" s="205">
        <v>3.4915677632576845</v>
      </c>
      <c r="D338" s="206">
        <v>0.23612225469724607</v>
      </c>
    </row>
    <row r="339" spans="1:46">
      <c r="A339" s="40" t="s">
        <v>542</v>
      </c>
      <c r="B339" s="78">
        <v>71</v>
      </c>
      <c r="C339" s="79">
        <v>3.515304287947556</v>
      </c>
      <c r="D339" s="80">
        <v>0.29596489468371384</v>
      </c>
    </row>
    <row r="340" spans="1:46">
      <c r="A340" s="44" t="s">
        <v>543</v>
      </c>
      <c r="B340" s="204">
        <v>58</v>
      </c>
      <c r="C340" s="205">
        <v>3.7109676197370067</v>
      </c>
      <c r="D340" s="206">
        <v>0.3341271695534479</v>
      </c>
    </row>
    <row r="341" spans="1:46">
      <c r="A341" s="52" t="s">
        <v>544</v>
      </c>
      <c r="B341" s="201">
        <v>45</v>
      </c>
      <c r="C341" s="79">
        <v>4.0972359127190607</v>
      </c>
      <c r="D341" s="80">
        <v>0.37988959799745342</v>
      </c>
    </row>
    <row r="342" spans="1:46">
      <c r="A342" s="44" t="s">
        <v>545</v>
      </c>
      <c r="B342" s="204">
        <v>527</v>
      </c>
      <c r="C342" s="205">
        <v>3.7034750043031468</v>
      </c>
      <c r="D342" s="206">
        <v>0.11527358297531823</v>
      </c>
    </row>
    <row r="343" spans="1:46">
      <c r="A343" s="52" t="s">
        <v>546</v>
      </c>
      <c r="B343" s="201">
        <v>58</v>
      </c>
      <c r="C343" s="79">
        <v>3.5973334074647547</v>
      </c>
      <c r="D343" s="80">
        <v>0.34937777910192841</v>
      </c>
    </row>
    <row r="344" spans="1:46">
      <c r="A344" s="44" t="s">
        <v>547</v>
      </c>
      <c r="B344" s="204">
        <v>125</v>
      </c>
      <c r="C344" s="205">
        <v>3.5430536056909534</v>
      </c>
      <c r="D344" s="206">
        <v>0.23126981934946778</v>
      </c>
    </row>
    <row r="345" spans="1:46">
      <c r="A345" s="52" t="s">
        <v>548</v>
      </c>
      <c r="B345" s="201">
        <v>120</v>
      </c>
      <c r="C345" s="79">
        <v>4.2046086108350682</v>
      </c>
      <c r="D345" s="80">
        <v>0.22769862495673865</v>
      </c>
    </row>
    <row r="346" spans="1:46">
      <c r="A346" s="44" t="s">
        <v>549</v>
      </c>
      <c r="B346" s="204">
        <v>60</v>
      </c>
      <c r="C346" s="205">
        <v>4.0226186178716787</v>
      </c>
      <c r="D346" s="206">
        <v>0.31097114949655558</v>
      </c>
    </row>
    <row r="347" spans="1:46">
      <c r="A347" s="52" t="s">
        <v>550</v>
      </c>
      <c r="B347" s="201">
        <v>99</v>
      </c>
      <c r="C347" s="79">
        <v>3.6203973549234578</v>
      </c>
      <c r="D347" s="80">
        <v>0.25246630665561476</v>
      </c>
    </row>
    <row r="348" spans="1:46">
      <c r="A348" s="44" t="s">
        <v>551</v>
      </c>
      <c r="B348" s="204">
        <v>65</v>
      </c>
      <c r="C348" s="205">
        <v>3.046392182645913</v>
      </c>
      <c r="D348" s="206">
        <v>0.3296224094934031</v>
      </c>
    </row>
    <row r="351" spans="1:46" ht="18.75">
      <c r="A351" s="336" t="s">
        <v>356</v>
      </c>
      <c r="B351" s="336"/>
      <c r="C351" s="336"/>
      <c r="D351" s="336"/>
      <c r="E351" s="336"/>
      <c r="F351" s="336"/>
      <c r="G351" s="336"/>
      <c r="H351" s="336"/>
      <c r="I351" s="336"/>
      <c r="J351" s="336"/>
      <c r="K351" s="336"/>
      <c r="L351" s="336"/>
      <c r="M351" s="336"/>
      <c r="N351" s="336"/>
      <c r="O351" s="336"/>
      <c r="P351" s="336"/>
      <c r="Q351" s="336"/>
      <c r="R351" s="336"/>
      <c r="S351" s="336"/>
      <c r="T351" s="336"/>
      <c r="U351" s="336"/>
      <c r="V351" s="336"/>
      <c r="W351" s="336"/>
      <c r="X351" s="336"/>
      <c r="Y351" s="336"/>
      <c r="Z351" s="336"/>
      <c r="AA351" s="336"/>
      <c r="AB351" s="336"/>
      <c r="AC351" s="336"/>
      <c r="AD351" s="336"/>
      <c r="AE351" s="336"/>
      <c r="AF351" s="336"/>
      <c r="AG351" s="336"/>
      <c r="AH351" s="336"/>
      <c r="AI351" s="336"/>
      <c r="AJ351" s="336"/>
      <c r="AK351" s="336"/>
      <c r="AL351" s="336"/>
      <c r="AM351" s="336"/>
      <c r="AN351" s="336"/>
      <c r="AO351" s="336"/>
      <c r="AP351" s="336"/>
      <c r="AQ351" s="336"/>
      <c r="AR351" s="336"/>
      <c r="AS351" s="336"/>
      <c r="AT351" s="336"/>
    </row>
    <row r="352" spans="1:46" ht="54" customHeight="1">
      <c r="A352" s="415" t="s">
        <v>595</v>
      </c>
      <c r="B352" s="415"/>
      <c r="C352" s="415"/>
      <c r="D352" s="415"/>
      <c r="E352" s="415"/>
      <c r="F352" s="415"/>
      <c r="G352" s="415"/>
      <c r="H352" s="415"/>
      <c r="I352" s="415"/>
      <c r="J352" s="415"/>
      <c r="K352" s="415"/>
      <c r="L352" s="415"/>
      <c r="M352" s="415"/>
      <c r="N352" s="415"/>
      <c r="O352" s="415"/>
      <c r="P352" s="415"/>
      <c r="Q352" s="415"/>
      <c r="R352" s="415"/>
      <c r="S352" s="415"/>
      <c r="T352" s="415"/>
      <c r="U352" s="415"/>
      <c r="V352" s="415"/>
      <c r="W352" s="415"/>
      <c r="X352" s="415"/>
      <c r="Y352" s="415"/>
      <c r="Z352" s="415"/>
      <c r="AA352" s="415"/>
      <c r="AB352" s="415"/>
      <c r="AC352" s="415"/>
      <c r="AD352" s="415"/>
      <c r="AE352" s="415"/>
      <c r="AF352" s="415"/>
      <c r="AG352" s="415"/>
      <c r="AH352" s="415"/>
      <c r="AI352" s="415"/>
      <c r="AJ352" s="415"/>
      <c r="AK352" s="415"/>
      <c r="AL352" s="415"/>
      <c r="AM352" s="415"/>
      <c r="AN352" s="415"/>
      <c r="AO352" s="415"/>
      <c r="AP352" s="415"/>
      <c r="AQ352" s="415"/>
      <c r="AR352" s="415"/>
      <c r="AS352" s="415"/>
      <c r="AT352" s="415"/>
    </row>
    <row r="353" spans="1:46" ht="32.25" customHeight="1">
      <c r="A353" s="59"/>
      <c r="B353" s="398" t="s">
        <v>291</v>
      </c>
      <c r="C353" s="399"/>
      <c r="D353" s="399"/>
      <c r="E353" s="399"/>
      <c r="F353" s="399"/>
      <c r="G353" s="399"/>
      <c r="H353" s="399"/>
      <c r="I353" s="399"/>
      <c r="J353" s="400"/>
      <c r="K353" s="398" t="s">
        <v>292</v>
      </c>
      <c r="L353" s="399"/>
      <c r="M353" s="399"/>
      <c r="N353" s="399"/>
      <c r="O353" s="399"/>
      <c r="P353" s="399"/>
      <c r="Q353" s="399"/>
      <c r="R353" s="399"/>
      <c r="S353" s="400"/>
      <c r="T353" s="398" t="s">
        <v>293</v>
      </c>
      <c r="U353" s="399"/>
      <c r="V353" s="399"/>
      <c r="W353" s="399"/>
      <c r="X353" s="399"/>
      <c r="Y353" s="399"/>
      <c r="Z353" s="399"/>
      <c r="AA353" s="399"/>
      <c r="AB353" s="400"/>
      <c r="AC353" s="398" t="s">
        <v>294</v>
      </c>
      <c r="AD353" s="399"/>
      <c r="AE353" s="399"/>
      <c r="AF353" s="399"/>
      <c r="AG353" s="399"/>
      <c r="AH353" s="399"/>
      <c r="AI353" s="399"/>
      <c r="AJ353" s="399"/>
      <c r="AK353" s="400"/>
      <c r="AL353" s="398" t="s">
        <v>295</v>
      </c>
      <c r="AM353" s="399"/>
      <c r="AN353" s="399"/>
      <c r="AO353" s="399"/>
      <c r="AP353" s="399"/>
      <c r="AQ353" s="399"/>
      <c r="AR353" s="399"/>
      <c r="AS353" s="399"/>
      <c r="AT353" s="400"/>
    </row>
    <row r="354" spans="1:46" ht="60.75" customHeight="1">
      <c r="A354" s="32" t="s">
        <v>71</v>
      </c>
      <c r="B354" s="33" t="s">
        <v>72</v>
      </c>
      <c r="C354" s="33" t="s">
        <v>229</v>
      </c>
      <c r="D354" s="84" t="s">
        <v>296</v>
      </c>
      <c r="E354" s="33" t="s">
        <v>297</v>
      </c>
      <c r="F354" s="84" t="s">
        <v>270</v>
      </c>
      <c r="G354" s="33" t="s">
        <v>298</v>
      </c>
      <c r="H354" s="84" t="s">
        <v>271</v>
      </c>
      <c r="I354" s="33" t="s">
        <v>301</v>
      </c>
      <c r="J354" s="84" t="s">
        <v>315</v>
      </c>
      <c r="K354" s="60" t="s">
        <v>72</v>
      </c>
      <c r="L354" s="60" t="s">
        <v>345</v>
      </c>
      <c r="M354" s="83" t="s">
        <v>346</v>
      </c>
      <c r="N354" s="60" t="s">
        <v>342</v>
      </c>
      <c r="O354" s="83" t="s">
        <v>344</v>
      </c>
      <c r="P354" s="60" t="s">
        <v>347</v>
      </c>
      <c r="Q354" s="83" t="s">
        <v>348</v>
      </c>
      <c r="R354" s="258" t="s">
        <v>301</v>
      </c>
      <c r="S354" s="83" t="s">
        <v>315</v>
      </c>
      <c r="T354" s="33" t="s">
        <v>72</v>
      </c>
      <c r="U354" s="33" t="s">
        <v>345</v>
      </c>
      <c r="V354" s="84" t="s">
        <v>346</v>
      </c>
      <c r="W354" s="33" t="s">
        <v>342</v>
      </c>
      <c r="X354" s="84" t="s">
        <v>344</v>
      </c>
      <c r="Y354" s="33" t="s">
        <v>347</v>
      </c>
      <c r="Z354" s="84" t="s">
        <v>348</v>
      </c>
      <c r="AA354" s="33" t="s">
        <v>301</v>
      </c>
      <c r="AB354" s="84" t="s">
        <v>315</v>
      </c>
      <c r="AC354" s="60" t="s">
        <v>72</v>
      </c>
      <c r="AD354" s="60" t="s">
        <v>345</v>
      </c>
      <c r="AE354" s="83" t="s">
        <v>346</v>
      </c>
      <c r="AF354" s="60" t="s">
        <v>342</v>
      </c>
      <c r="AG354" s="83" t="s">
        <v>344</v>
      </c>
      <c r="AH354" s="60" t="s">
        <v>347</v>
      </c>
      <c r="AI354" s="83" t="s">
        <v>348</v>
      </c>
      <c r="AJ354" s="60" t="s">
        <v>301</v>
      </c>
      <c r="AK354" s="83" t="s">
        <v>315</v>
      </c>
      <c r="AL354" s="33" t="s">
        <v>72</v>
      </c>
      <c r="AM354" s="33" t="s">
        <v>345</v>
      </c>
      <c r="AN354" s="84" t="s">
        <v>346</v>
      </c>
      <c r="AO354" s="33" t="s">
        <v>342</v>
      </c>
      <c r="AP354" s="84" t="s">
        <v>344</v>
      </c>
      <c r="AQ354" s="33" t="s">
        <v>347</v>
      </c>
      <c r="AR354" s="84" t="s">
        <v>348</v>
      </c>
      <c r="AS354" s="33" t="s">
        <v>301</v>
      </c>
      <c r="AT354" s="84" t="s">
        <v>315</v>
      </c>
    </row>
    <row r="355" spans="1:46" ht="72">
      <c r="A355" s="36"/>
      <c r="B355" s="37" t="s">
        <v>74</v>
      </c>
      <c r="C355" s="37" t="s">
        <v>159</v>
      </c>
      <c r="D355" s="86" t="s">
        <v>88</v>
      </c>
      <c r="E355" s="37" t="s">
        <v>160</v>
      </c>
      <c r="F355" s="86" t="s">
        <v>88</v>
      </c>
      <c r="G355" s="37" t="s">
        <v>161</v>
      </c>
      <c r="H355" s="86" t="s">
        <v>88</v>
      </c>
      <c r="I355" s="37" t="s">
        <v>301</v>
      </c>
      <c r="J355" s="86" t="s">
        <v>88</v>
      </c>
      <c r="K355" s="63" t="s">
        <v>74</v>
      </c>
      <c r="L355" s="63" t="s">
        <v>341</v>
      </c>
      <c r="M355" s="85" t="s">
        <v>88</v>
      </c>
      <c r="N355" s="63" t="s">
        <v>343</v>
      </c>
      <c r="O355" s="85" t="s">
        <v>88</v>
      </c>
      <c r="P355" s="63" t="s">
        <v>159</v>
      </c>
      <c r="Q355" s="85" t="s">
        <v>88</v>
      </c>
      <c r="R355" s="259" t="s">
        <v>301</v>
      </c>
      <c r="S355" s="85" t="s">
        <v>88</v>
      </c>
      <c r="T355" s="37" t="s">
        <v>74</v>
      </c>
      <c r="U355" s="37" t="s">
        <v>341</v>
      </c>
      <c r="V355" s="86" t="s">
        <v>88</v>
      </c>
      <c r="W355" s="37" t="s">
        <v>343</v>
      </c>
      <c r="X355" s="86" t="s">
        <v>88</v>
      </c>
      <c r="Y355" s="37" t="s">
        <v>159</v>
      </c>
      <c r="Z355" s="86" t="s">
        <v>88</v>
      </c>
      <c r="AA355" s="37" t="s">
        <v>301</v>
      </c>
      <c r="AB355" s="86" t="s">
        <v>88</v>
      </c>
      <c r="AC355" s="63" t="s">
        <v>74</v>
      </c>
      <c r="AD355" s="63" t="s">
        <v>341</v>
      </c>
      <c r="AE355" s="85" t="s">
        <v>88</v>
      </c>
      <c r="AF355" s="63" t="s">
        <v>343</v>
      </c>
      <c r="AG355" s="85" t="s">
        <v>88</v>
      </c>
      <c r="AH355" s="63" t="s">
        <v>159</v>
      </c>
      <c r="AI355" s="85" t="s">
        <v>88</v>
      </c>
      <c r="AJ355" s="63" t="s">
        <v>301</v>
      </c>
      <c r="AK355" s="85" t="s">
        <v>88</v>
      </c>
      <c r="AL355" s="37" t="s">
        <v>74</v>
      </c>
      <c r="AM355" s="37" t="s">
        <v>341</v>
      </c>
      <c r="AN355" s="86" t="s">
        <v>88</v>
      </c>
      <c r="AO355" s="37" t="s">
        <v>343</v>
      </c>
      <c r="AP355" s="86" t="s">
        <v>88</v>
      </c>
      <c r="AQ355" s="37" t="s">
        <v>159</v>
      </c>
      <c r="AR355" s="86" t="s">
        <v>88</v>
      </c>
      <c r="AS355" s="37" t="s">
        <v>301</v>
      </c>
      <c r="AT355" s="86" t="s">
        <v>88</v>
      </c>
    </row>
    <row r="356" spans="1:46">
      <c r="A356" s="40" t="s">
        <v>349</v>
      </c>
      <c r="B356" s="201">
        <v>13815</v>
      </c>
      <c r="C356" s="207">
        <v>0.17605007959171437</v>
      </c>
      <c r="D356" s="89">
        <v>6.4811358179529301E-3</v>
      </c>
      <c r="E356" s="207">
        <v>0.16946925553153369</v>
      </c>
      <c r="F356" s="89">
        <v>6.3842891049194304E-3</v>
      </c>
      <c r="G356" s="207">
        <v>0.63870561427551786</v>
      </c>
      <c r="H356" s="89">
        <v>8.1730308757066942E-3</v>
      </c>
      <c r="I356" s="207">
        <v>1.5775050601248168E-2</v>
      </c>
      <c r="J356" s="89">
        <v>2.1291887836995919E-3</v>
      </c>
      <c r="K356" s="201">
        <v>13921</v>
      </c>
      <c r="L356" s="207">
        <v>0.43128119612438104</v>
      </c>
      <c r="M356" s="89">
        <v>8.3939011557169537E-3</v>
      </c>
      <c r="N356" s="207">
        <v>0.1965196850115149</v>
      </c>
      <c r="O356" s="89">
        <v>6.7359024248441375E-3</v>
      </c>
      <c r="P356" s="207">
        <v>0.31453606611118429</v>
      </c>
      <c r="Q356" s="89">
        <v>7.8700922431527674E-3</v>
      </c>
      <c r="R356" s="207">
        <v>5.766305275293792E-2</v>
      </c>
      <c r="S356" s="89">
        <v>3.9548771967590525E-3</v>
      </c>
      <c r="T356" s="201">
        <v>13959</v>
      </c>
      <c r="U356" s="207">
        <v>0.46530097545906712</v>
      </c>
      <c r="V356" s="89">
        <v>8.4423413112719187E-3</v>
      </c>
      <c r="W356" s="207">
        <v>0.14101964844660053</v>
      </c>
      <c r="X356" s="89">
        <v>5.8925645984896653E-3</v>
      </c>
      <c r="Y356" s="207">
        <v>0.2613093717616628</v>
      </c>
      <c r="Z356" s="89">
        <v>7.4368004297950176E-3</v>
      </c>
      <c r="AA356" s="207">
        <v>0.13237000433268897</v>
      </c>
      <c r="AB356" s="89">
        <v>5.7378479356672771E-3</v>
      </c>
      <c r="AC356" s="201">
        <v>13948</v>
      </c>
      <c r="AD356" s="207">
        <v>0.44480379197614073</v>
      </c>
      <c r="AE356" s="89">
        <v>8.4143540884781837E-3</v>
      </c>
      <c r="AF356" s="207">
        <v>0.16659488456625371</v>
      </c>
      <c r="AG356" s="89">
        <v>6.3105951983046978E-3</v>
      </c>
      <c r="AH356" s="207">
        <v>0.25628978034163385</v>
      </c>
      <c r="AI356" s="89">
        <v>7.3929551400165189E-3</v>
      </c>
      <c r="AJ356" s="207">
        <v>0.1323115431159905</v>
      </c>
      <c r="AK356" s="89">
        <v>5.7390379031784225E-3</v>
      </c>
      <c r="AL356" s="201">
        <v>13958</v>
      </c>
      <c r="AM356" s="207">
        <v>0.33216717297934245</v>
      </c>
      <c r="AN356" s="89">
        <v>7.9723106183940337E-3</v>
      </c>
      <c r="AO356" s="207">
        <v>0.17903716103535486</v>
      </c>
      <c r="AP356" s="89">
        <v>6.4904781822776054E-3</v>
      </c>
      <c r="AQ356" s="207">
        <v>0.28159880985013375</v>
      </c>
      <c r="AR356" s="89">
        <v>7.6135015105054148E-3</v>
      </c>
      <c r="AS356" s="207">
        <v>0.2071968561351886</v>
      </c>
      <c r="AT356" s="89">
        <v>6.861125455814774E-3</v>
      </c>
    </row>
    <row r="357" spans="1:46">
      <c r="A357" s="44" t="s">
        <v>350</v>
      </c>
      <c r="B357" s="204">
        <v>10146</v>
      </c>
      <c r="C357" s="208">
        <v>0.17890590456310965</v>
      </c>
      <c r="D357" s="92">
        <v>7.6107217103005302E-3</v>
      </c>
      <c r="E357" s="208">
        <v>0.17435877600897257</v>
      </c>
      <c r="F357" s="92">
        <v>7.53425953443684E-3</v>
      </c>
      <c r="G357" s="208">
        <v>0.63467323718153379</v>
      </c>
      <c r="H357" s="92">
        <v>9.5593023108101489E-3</v>
      </c>
      <c r="I357" s="208">
        <v>1.2062082246376926E-2</v>
      </c>
      <c r="J357" s="92">
        <v>2.184062594288781E-3</v>
      </c>
      <c r="K357" s="204">
        <v>10142</v>
      </c>
      <c r="L357" s="208">
        <v>0.46804500608368454</v>
      </c>
      <c r="M357" s="92">
        <v>9.9075100559377436E-3</v>
      </c>
      <c r="N357" s="208">
        <v>0.18959537622605446</v>
      </c>
      <c r="O357" s="92">
        <v>7.7849300255473609E-3</v>
      </c>
      <c r="P357" s="208">
        <v>0.28124422579891456</v>
      </c>
      <c r="Q357" s="92">
        <v>8.9280285035615893E-3</v>
      </c>
      <c r="R357" s="208">
        <v>6.1115391891346259E-2</v>
      </c>
      <c r="S357" s="92">
        <v>4.7625315480819518E-3</v>
      </c>
      <c r="T357" s="204">
        <v>10176</v>
      </c>
      <c r="U357" s="208">
        <v>0.56522380655885374</v>
      </c>
      <c r="V357" s="92">
        <v>9.8265747207698408E-3</v>
      </c>
      <c r="W357" s="208">
        <v>0.12027747431701769</v>
      </c>
      <c r="X357" s="92">
        <v>6.4513927761144828E-3</v>
      </c>
      <c r="Y357" s="208">
        <v>0.18078926181125976</v>
      </c>
      <c r="Z357" s="92">
        <v>7.630580702799949E-3</v>
      </c>
      <c r="AA357" s="208">
        <v>0.13370945731286588</v>
      </c>
      <c r="AB357" s="92">
        <v>6.7494205460137471E-3</v>
      </c>
      <c r="AC357" s="204">
        <v>10161</v>
      </c>
      <c r="AD357" s="208">
        <v>0.52526685976089205</v>
      </c>
      <c r="AE357" s="92">
        <v>9.9058447500712226E-3</v>
      </c>
      <c r="AF357" s="208">
        <v>0.15841249905892282</v>
      </c>
      <c r="AG357" s="92">
        <v>7.245529966462042E-3</v>
      </c>
      <c r="AH357" s="208">
        <v>0.18203124717061997</v>
      </c>
      <c r="AI357" s="92">
        <v>7.6565588255011431E-3</v>
      </c>
      <c r="AJ357" s="208">
        <v>0.1342893940095623</v>
      </c>
      <c r="AK357" s="92">
        <v>6.7667480904239682E-3</v>
      </c>
      <c r="AL357" s="204">
        <v>10165</v>
      </c>
      <c r="AM357" s="208">
        <v>0.38645328584310518</v>
      </c>
      <c r="AN357" s="92">
        <v>9.6576725982852451E-3</v>
      </c>
      <c r="AO357" s="208">
        <v>0.17138669573291548</v>
      </c>
      <c r="AP357" s="92">
        <v>7.4762740252015646E-3</v>
      </c>
      <c r="AQ357" s="208">
        <v>0.21890347432413532</v>
      </c>
      <c r="AR357" s="92">
        <v>8.2025420700415439E-3</v>
      </c>
      <c r="AS357" s="208">
        <v>0.22325654409984214</v>
      </c>
      <c r="AT357" s="92">
        <v>8.2605162700504671E-3</v>
      </c>
    </row>
    <row r="358" spans="1:46">
      <c r="A358" s="40" t="s">
        <v>351</v>
      </c>
      <c r="B358" s="201">
        <v>3669</v>
      </c>
      <c r="C358" s="207">
        <v>0.1737197336605466</v>
      </c>
      <c r="D358" s="89">
        <v>1.2512903649788814E-2</v>
      </c>
      <c r="E358" s="207">
        <v>0.16547941922711129</v>
      </c>
      <c r="F358" s="89">
        <v>1.2274187699993633E-2</v>
      </c>
      <c r="G358" s="207">
        <v>0.64199602375366893</v>
      </c>
      <c r="H358" s="89">
        <v>1.5822353760000834E-2</v>
      </c>
      <c r="I358" s="207">
        <v>1.8804823358672732E-2</v>
      </c>
      <c r="J358" s="89">
        <v>4.5434351275649449E-3</v>
      </c>
      <c r="K358" s="201">
        <v>3779</v>
      </c>
      <c r="L358" s="207">
        <v>0.40215772574423952</v>
      </c>
      <c r="M358" s="89">
        <v>1.5944893310416271E-2</v>
      </c>
      <c r="N358" s="207">
        <v>0.20200496801235687</v>
      </c>
      <c r="O358" s="89">
        <v>1.3063081311942658E-2</v>
      </c>
      <c r="P358" s="207">
        <v>0.34090911956530839</v>
      </c>
      <c r="Q358" s="89">
        <v>1.5415424161120156E-2</v>
      </c>
      <c r="R358" s="207">
        <v>5.4928186678095001E-2</v>
      </c>
      <c r="S358" s="89">
        <v>7.438514404945311E-3</v>
      </c>
      <c r="T358" s="201">
        <v>3783</v>
      </c>
      <c r="U358" s="207">
        <v>0.38586221827091144</v>
      </c>
      <c r="V358" s="89">
        <v>1.5821825218067829E-2</v>
      </c>
      <c r="W358" s="207">
        <v>0.15750969897957753</v>
      </c>
      <c r="X358" s="89">
        <v>1.1850136162261415E-2</v>
      </c>
      <c r="Y358" s="207">
        <v>0.32532294496320185</v>
      </c>
      <c r="Z358" s="89">
        <v>1.5228298704807647E-2</v>
      </c>
      <c r="AA358" s="207">
        <v>0.13130513778630981</v>
      </c>
      <c r="AB358" s="89">
        <v>1.0990122562692011E-2</v>
      </c>
      <c r="AC358" s="201">
        <v>3787</v>
      </c>
      <c r="AD358" s="207">
        <v>0.38108302459246834</v>
      </c>
      <c r="AE358" s="89">
        <v>1.5776351014167397E-2</v>
      </c>
      <c r="AF358" s="207">
        <v>0.17307472554062964</v>
      </c>
      <c r="AG358" s="89">
        <v>1.2298292518352566E-2</v>
      </c>
      <c r="AH358" s="207">
        <v>0.31509701760853898</v>
      </c>
      <c r="AI358" s="89">
        <v>1.5092539554168909E-2</v>
      </c>
      <c r="AJ358" s="207">
        <v>0.13074523225836387</v>
      </c>
      <c r="AK358" s="89">
        <v>1.0964487741235469E-2</v>
      </c>
      <c r="AL358" s="201">
        <v>3793</v>
      </c>
      <c r="AM358" s="207">
        <v>0.28915283208325138</v>
      </c>
      <c r="AN358" s="89">
        <v>1.4718393877672481E-2</v>
      </c>
      <c r="AO358" s="207">
        <v>0.1850991114158935</v>
      </c>
      <c r="AP358" s="89">
        <v>1.2614343958275053E-2</v>
      </c>
      <c r="AQ358" s="207">
        <v>0.33127631285493792</v>
      </c>
      <c r="AR358" s="89">
        <v>1.5278720826906535E-2</v>
      </c>
      <c r="AS358" s="207">
        <v>0.19447174364591735</v>
      </c>
      <c r="AT358" s="89">
        <v>1.2854365769488301E-2</v>
      </c>
    </row>
    <row r="359" spans="1:46">
      <c r="A359" s="44" t="s">
        <v>533</v>
      </c>
      <c r="B359" s="204">
        <v>3178</v>
      </c>
      <c r="C359" s="208">
        <v>0.17906787556846396</v>
      </c>
      <c r="D359" s="92">
        <v>1.3605807117612827E-2</v>
      </c>
      <c r="E359" s="208">
        <v>0.15177161595678906</v>
      </c>
      <c r="F359" s="92">
        <v>1.2736347534609751E-2</v>
      </c>
      <c r="G359" s="208">
        <v>0.6504176768450779</v>
      </c>
      <c r="H359" s="92">
        <v>1.6908500400671447E-2</v>
      </c>
      <c r="I359" s="208">
        <v>1.874283162966537E-2</v>
      </c>
      <c r="J359" s="92">
        <v>4.8837482992207699E-3</v>
      </c>
      <c r="K359" s="204">
        <v>3191</v>
      </c>
      <c r="L359" s="208">
        <v>0.46694906447179924</v>
      </c>
      <c r="M359" s="92">
        <v>1.7652899911460167E-2</v>
      </c>
      <c r="N359" s="208">
        <v>0.19205842649395946</v>
      </c>
      <c r="O359" s="92">
        <v>1.3948677657648385E-2</v>
      </c>
      <c r="P359" s="208">
        <v>0.28008869591020402</v>
      </c>
      <c r="Q359" s="92">
        <v>1.5893228809589655E-2</v>
      </c>
      <c r="R359" s="208">
        <v>6.0903813124032896E-2</v>
      </c>
      <c r="S359" s="92">
        <v>8.4975927326441554E-3</v>
      </c>
      <c r="T359" s="204">
        <v>3201</v>
      </c>
      <c r="U359" s="208">
        <v>0.4742135851648947</v>
      </c>
      <c r="V359" s="92">
        <v>1.7640427244228433E-2</v>
      </c>
      <c r="W359" s="208">
        <v>0.14218561928763215</v>
      </c>
      <c r="X359" s="92">
        <v>1.2354021142865842E-2</v>
      </c>
      <c r="Y359" s="208">
        <v>0.25402523804244209</v>
      </c>
      <c r="Z359" s="92">
        <v>1.5384711710419689E-2</v>
      </c>
      <c r="AA359" s="208">
        <v>0.12957555750502653</v>
      </c>
      <c r="AB359" s="92">
        <v>1.1882315242407722E-2</v>
      </c>
      <c r="AC359" s="204">
        <v>3195</v>
      </c>
      <c r="AD359" s="208">
        <v>0.45129234818214514</v>
      </c>
      <c r="AE359" s="92">
        <v>1.7596551634656604E-2</v>
      </c>
      <c r="AF359" s="208">
        <v>0.16017113393345439</v>
      </c>
      <c r="AG359" s="92">
        <v>1.2983022584614076E-2</v>
      </c>
      <c r="AH359" s="208">
        <v>0.25116425814733784</v>
      </c>
      <c r="AI359" s="92">
        <v>1.5341706440779828E-2</v>
      </c>
      <c r="AJ359" s="208">
        <v>0.13737225973705852</v>
      </c>
      <c r="AK359" s="92">
        <v>1.2189488928326494E-2</v>
      </c>
      <c r="AL359" s="204">
        <v>3203</v>
      </c>
      <c r="AM359" s="208">
        <v>0.31415012030658551</v>
      </c>
      <c r="AN359" s="92">
        <v>1.6396472673116443E-2</v>
      </c>
      <c r="AO359" s="208">
        <v>0.18475605147699223</v>
      </c>
      <c r="AP359" s="92">
        <v>1.3717675518561727E-2</v>
      </c>
      <c r="AQ359" s="208">
        <v>0.26991227001045287</v>
      </c>
      <c r="AR359" s="92">
        <v>1.5682840983277685E-2</v>
      </c>
      <c r="AS359" s="208">
        <v>0.23118155820596642</v>
      </c>
      <c r="AT359" s="92">
        <v>1.4896662944233117E-2</v>
      </c>
    </row>
    <row r="360" spans="1:46">
      <c r="A360" s="40" t="s">
        <v>534</v>
      </c>
      <c r="B360" s="201">
        <v>2500</v>
      </c>
      <c r="C360" s="207">
        <v>0.11573592935676831</v>
      </c>
      <c r="D360" s="89">
        <v>1.2815507080930207E-2</v>
      </c>
      <c r="E360" s="207">
        <v>0.16277657195460876</v>
      </c>
      <c r="F360" s="89">
        <v>1.4774308010440555E-2</v>
      </c>
      <c r="G360" s="207">
        <v>0.71205152581470244</v>
      </c>
      <c r="H360" s="89">
        <v>1.8104140371409626E-2</v>
      </c>
      <c r="I360" s="207">
        <v>9.435972873922515E-3</v>
      </c>
      <c r="J360" s="89">
        <v>4.0197556902002779E-3</v>
      </c>
      <c r="K360" s="201">
        <v>2489</v>
      </c>
      <c r="L360" s="207">
        <v>0.43603735411522027</v>
      </c>
      <c r="M360" s="89">
        <v>1.9864034346300158E-2</v>
      </c>
      <c r="N360" s="207">
        <v>0.18995694055897488</v>
      </c>
      <c r="O360" s="89">
        <v>1.5728417258720664E-2</v>
      </c>
      <c r="P360" s="207">
        <v>0.29896267580509933</v>
      </c>
      <c r="Q360" s="89">
        <v>1.8343497219633218E-2</v>
      </c>
      <c r="R360" s="207">
        <v>7.5043029520707474E-2</v>
      </c>
      <c r="S360" s="89">
        <v>1.0597142097923703E-2</v>
      </c>
      <c r="T360" s="201">
        <v>2504</v>
      </c>
      <c r="U360" s="207">
        <v>0.5748655561636995</v>
      </c>
      <c r="V360" s="89">
        <v>1.9743693098228637E-2</v>
      </c>
      <c r="W360" s="207">
        <v>0.10338511845206994</v>
      </c>
      <c r="X360" s="89">
        <v>1.2191847664492805E-2</v>
      </c>
      <c r="Y360" s="207">
        <v>0.16162762322408419</v>
      </c>
      <c r="Z360" s="89">
        <v>1.4720634080279299E-2</v>
      </c>
      <c r="AA360" s="207">
        <v>0.16012170216014807</v>
      </c>
      <c r="AB360" s="89">
        <v>1.466537573611576E-2</v>
      </c>
      <c r="AC360" s="201">
        <v>2497</v>
      </c>
      <c r="AD360" s="207">
        <v>0.52468557676287497</v>
      </c>
      <c r="AE360" s="89">
        <v>1.9971694082533579E-2</v>
      </c>
      <c r="AF360" s="207">
        <v>0.14495652778350065</v>
      </c>
      <c r="AG360" s="89">
        <v>1.4102329393729839E-2</v>
      </c>
      <c r="AH360" s="207">
        <v>0.16362332844151681</v>
      </c>
      <c r="AI360" s="89">
        <v>1.4813913204551464E-2</v>
      </c>
      <c r="AJ360" s="207">
        <v>0.16673456701210945</v>
      </c>
      <c r="AK360" s="89">
        <v>1.4925599073056739E-2</v>
      </c>
      <c r="AL360" s="201">
        <v>2503</v>
      </c>
      <c r="AM360" s="207">
        <v>0.35699259944200307</v>
      </c>
      <c r="AN360" s="89">
        <v>1.9140447972001363E-2</v>
      </c>
      <c r="AO360" s="207">
        <v>0.14430091666285616</v>
      </c>
      <c r="AP360" s="89">
        <v>1.4059057125234932E-2</v>
      </c>
      <c r="AQ360" s="207">
        <v>0.1918837758567318</v>
      </c>
      <c r="AR360" s="89">
        <v>1.5744626168598279E-2</v>
      </c>
      <c r="AS360" s="207">
        <v>0.30682270803841111</v>
      </c>
      <c r="AT360" s="89">
        <v>1.84263871999681E-2</v>
      </c>
    </row>
    <row r="361" spans="1:46">
      <c r="A361" s="44" t="s">
        <v>535</v>
      </c>
      <c r="B361" s="204">
        <v>485</v>
      </c>
      <c r="C361" s="208">
        <v>0.10113008027219093</v>
      </c>
      <c r="D361" s="92">
        <v>2.7654745363925898E-2</v>
      </c>
      <c r="E361" s="208">
        <v>0.16341501555737653</v>
      </c>
      <c r="F361" s="92">
        <v>3.3665790834920141E-2</v>
      </c>
      <c r="G361" s="208">
        <v>0.73144906491674488</v>
      </c>
      <c r="H361" s="92">
        <v>4.0173868036945275E-2</v>
      </c>
      <c r="I361" s="208">
        <v>4.0058392536895309E-3</v>
      </c>
      <c r="J361" s="92">
        <v>8.0884873158085114E-3</v>
      </c>
      <c r="K361" s="204">
        <v>484</v>
      </c>
      <c r="L361" s="208">
        <v>0.47690568318836574</v>
      </c>
      <c r="M361" s="92">
        <v>4.5220349410498496E-2</v>
      </c>
      <c r="N361" s="208">
        <v>0.19008004832219491</v>
      </c>
      <c r="O361" s="92">
        <v>3.570344229897842E-2</v>
      </c>
      <c r="P361" s="208">
        <v>0.28077400523011908</v>
      </c>
      <c r="Q361" s="92">
        <v>4.0763673528075965E-2</v>
      </c>
      <c r="R361" s="208">
        <v>5.2240263259323953E-2</v>
      </c>
      <c r="S361" s="92">
        <v>2.0800466854824052E-2</v>
      </c>
      <c r="T361" s="204">
        <v>486</v>
      </c>
      <c r="U361" s="208">
        <v>0.5715277512205662</v>
      </c>
      <c r="V361" s="92">
        <v>4.4718344861434521E-2</v>
      </c>
      <c r="W361" s="208">
        <v>0.11244574198309336</v>
      </c>
      <c r="X361" s="92">
        <v>2.8890208105088591E-2</v>
      </c>
      <c r="Y361" s="208">
        <v>0.16152946242785557</v>
      </c>
      <c r="Z361" s="92">
        <v>3.3478651847383738E-2</v>
      </c>
      <c r="AA361" s="208">
        <v>0.15449704436848813</v>
      </c>
      <c r="AB361" s="92">
        <v>3.2896707632160356E-2</v>
      </c>
      <c r="AC361" s="204">
        <v>485</v>
      </c>
      <c r="AD361" s="208">
        <v>0.54196619484805553</v>
      </c>
      <c r="AE361" s="92">
        <v>4.5064601038004692E-2</v>
      </c>
      <c r="AF361" s="208">
        <v>0.13069748977679879</v>
      </c>
      <c r="AG361" s="92">
        <v>3.0782270804019768E-2</v>
      </c>
      <c r="AH361" s="208">
        <v>0.17713326695264098</v>
      </c>
      <c r="AI361" s="92">
        <v>3.4730102026217513E-2</v>
      </c>
      <c r="AJ361" s="208">
        <v>0.15020304842250806</v>
      </c>
      <c r="AK361" s="92">
        <v>3.2564005979335876E-2</v>
      </c>
      <c r="AL361" s="204">
        <v>486</v>
      </c>
      <c r="AM361" s="208">
        <v>0.35128399708657632</v>
      </c>
      <c r="AN361" s="92">
        <v>4.316491030982253E-2</v>
      </c>
      <c r="AO361" s="208">
        <v>0.13907620951968944</v>
      </c>
      <c r="AP361" s="92">
        <v>3.1539043278110322E-2</v>
      </c>
      <c r="AQ361" s="208">
        <v>0.19177356267871762</v>
      </c>
      <c r="AR361" s="92">
        <v>3.5747551428019969E-2</v>
      </c>
      <c r="AS361" s="208">
        <v>0.31786623071502051</v>
      </c>
      <c r="AT361" s="92">
        <v>4.2123886747916464E-2</v>
      </c>
    </row>
    <row r="362" spans="1:46">
      <c r="A362" s="40" t="s">
        <v>536</v>
      </c>
      <c r="B362" s="201">
        <v>89</v>
      </c>
      <c r="C362" s="207">
        <v>9.3842502017723928E-2</v>
      </c>
      <c r="D362" s="89">
        <v>6.5227924666651019E-2</v>
      </c>
      <c r="E362" s="207">
        <v>0.17306759703832192</v>
      </c>
      <c r="F362" s="89">
        <v>8.0885387150431379E-2</v>
      </c>
      <c r="G362" s="207">
        <v>0.73308990094395421</v>
      </c>
      <c r="H362" s="89">
        <v>9.2803924639923513E-2</v>
      </c>
      <c r="I362" s="207">
        <v>0</v>
      </c>
      <c r="J362" s="89">
        <v>3.0084393934100805E-2</v>
      </c>
      <c r="K362" s="201">
        <v>89</v>
      </c>
      <c r="L362" s="207">
        <v>0.24695335888316319</v>
      </c>
      <c r="M362" s="89">
        <v>9.0721628530287438E-2</v>
      </c>
      <c r="N362" s="207">
        <v>0.19130833558801374</v>
      </c>
      <c r="O362" s="89">
        <v>8.3660916221030279E-2</v>
      </c>
      <c r="P362" s="207">
        <v>0.46649149089483566</v>
      </c>
      <c r="Q362" s="89">
        <v>0.10348168803087122</v>
      </c>
      <c r="R362" s="207">
        <v>9.5246814633987195E-2</v>
      </c>
      <c r="S362" s="89">
        <v>6.557086947949102E-2</v>
      </c>
      <c r="T362" s="201">
        <v>89</v>
      </c>
      <c r="U362" s="207">
        <v>0.33919154143528885</v>
      </c>
      <c r="V362" s="89">
        <v>9.8661420134959779E-2</v>
      </c>
      <c r="W362" s="207">
        <v>9.5197339477960649E-2</v>
      </c>
      <c r="X362" s="89">
        <v>6.5558837860993271E-2</v>
      </c>
      <c r="Y362" s="207">
        <v>0.22554281104448193</v>
      </c>
      <c r="Z362" s="89">
        <v>8.8235662678638555E-2</v>
      </c>
      <c r="AA362" s="207">
        <v>0.34006830804226795</v>
      </c>
      <c r="AB362" s="89">
        <v>9.8717541422818147E-2</v>
      </c>
      <c r="AC362" s="201">
        <v>89</v>
      </c>
      <c r="AD362" s="207">
        <v>0.37777118191920356</v>
      </c>
      <c r="AE362" s="89">
        <v>0.10081765284860258</v>
      </c>
      <c r="AF362" s="207">
        <v>0.11867259727967996</v>
      </c>
      <c r="AG362" s="89">
        <v>7.0886506581916073E-2</v>
      </c>
      <c r="AH362" s="207">
        <v>0.20443859091214572</v>
      </c>
      <c r="AI362" s="89">
        <v>8.5508319924706727E-2</v>
      </c>
      <c r="AJ362" s="207">
        <v>0.29911762988897</v>
      </c>
      <c r="AK362" s="89">
        <v>9.5724270319026208E-2</v>
      </c>
      <c r="AL362" s="201">
        <v>88</v>
      </c>
      <c r="AM362" s="207">
        <v>0.14825286423660639</v>
      </c>
      <c r="AN362" s="89">
        <v>7.7121826988396355E-2</v>
      </c>
      <c r="AO362" s="207">
        <v>9.999583780403018E-2</v>
      </c>
      <c r="AP362" s="89">
        <v>6.7116880364988238E-2</v>
      </c>
      <c r="AQ362" s="207">
        <v>0.22349640708625407</v>
      </c>
      <c r="AR362" s="89">
        <v>8.8477320024538439E-2</v>
      </c>
      <c r="AS362" s="207">
        <v>0.52825489087310884</v>
      </c>
      <c r="AT362" s="89">
        <v>0.1041047910113424</v>
      </c>
    </row>
    <row r="363" spans="1:46">
      <c r="A363" s="44" t="s">
        <v>537</v>
      </c>
      <c r="B363" s="204">
        <v>139</v>
      </c>
      <c r="C363" s="208">
        <v>5.660237767836436E-2</v>
      </c>
      <c r="D363" s="92">
        <v>4.2391252360310792E-2</v>
      </c>
      <c r="E363" s="208">
        <v>0.10630490530160575</v>
      </c>
      <c r="F363" s="92">
        <v>5.3820211868919943E-2</v>
      </c>
      <c r="G363" s="208">
        <v>0.82892121823966258</v>
      </c>
      <c r="H363" s="92">
        <v>6.4293627592546559E-2</v>
      </c>
      <c r="I363" s="208">
        <v>8.1714987803670567E-3</v>
      </c>
      <c r="J363" s="92">
        <v>2.4493790274475992E-2</v>
      </c>
      <c r="K363" s="204">
        <v>137</v>
      </c>
      <c r="L363" s="208">
        <v>0.47437821992150397</v>
      </c>
      <c r="M363" s="92">
        <v>8.4110741406783762E-2</v>
      </c>
      <c r="N363" s="208">
        <v>0.22381187854308279</v>
      </c>
      <c r="O363" s="92">
        <v>7.1058195860477263E-2</v>
      </c>
      <c r="P363" s="208">
        <v>0.27134432747124465</v>
      </c>
      <c r="Q363" s="92">
        <v>7.5444957402698826E-2</v>
      </c>
      <c r="R363" s="208">
        <v>3.0465574064168024E-2</v>
      </c>
      <c r="S363" s="92">
        <v>3.4463882680211839E-2</v>
      </c>
      <c r="T363" s="204">
        <v>139</v>
      </c>
      <c r="U363" s="208">
        <v>0.69449707669151084</v>
      </c>
      <c r="V363" s="92">
        <v>7.7415887559401431E-2</v>
      </c>
      <c r="W363" s="208">
        <v>9.3744240405062768E-2</v>
      </c>
      <c r="X363" s="92">
        <v>5.1293843807897081E-2</v>
      </c>
      <c r="Y363" s="208">
        <v>0.13972227360545386</v>
      </c>
      <c r="Z363" s="92">
        <v>5.96868144558588E-2</v>
      </c>
      <c r="AA363" s="208">
        <v>7.2036409297972129E-2</v>
      </c>
      <c r="AB363" s="92">
        <v>4.6394529581656435E-2</v>
      </c>
      <c r="AC363" s="204">
        <v>138</v>
      </c>
      <c r="AD363" s="208">
        <v>0.67109322444508224</v>
      </c>
      <c r="AE363" s="92">
        <v>7.9142064755267583E-2</v>
      </c>
      <c r="AF363" s="208">
        <v>9.2813570526264627E-2</v>
      </c>
      <c r="AG363" s="92">
        <v>5.1295481862668024E-2</v>
      </c>
      <c r="AH363" s="208">
        <v>0.15468736554340098</v>
      </c>
      <c r="AI363" s="92">
        <v>6.2208726373361098E-2</v>
      </c>
      <c r="AJ363" s="208">
        <v>8.1405839485251638E-2</v>
      </c>
      <c r="AK363" s="92">
        <v>4.8791450900142475E-2</v>
      </c>
      <c r="AL363" s="204">
        <v>139</v>
      </c>
      <c r="AM363" s="208">
        <v>0.52994455978623367</v>
      </c>
      <c r="AN363" s="92">
        <v>8.3482385475593057E-2</v>
      </c>
      <c r="AO363" s="208">
        <v>8.8792861334667419E-2</v>
      </c>
      <c r="AP363" s="92">
        <v>5.0240273043048254E-2</v>
      </c>
      <c r="AQ363" s="208">
        <v>0.15722383024173495</v>
      </c>
      <c r="AR363" s="92">
        <v>6.2351527680631604E-2</v>
      </c>
      <c r="AS363" s="208">
        <v>0.22403874863736328</v>
      </c>
      <c r="AT363" s="92">
        <v>7.0571334668755786E-2</v>
      </c>
    </row>
    <row r="364" spans="1:46">
      <c r="A364" s="40" t="s">
        <v>538</v>
      </c>
      <c r="B364" s="201">
        <v>105</v>
      </c>
      <c r="C364" s="207">
        <v>5.4662751531987942E-2</v>
      </c>
      <c r="D364" s="89">
        <v>4.9200445891077214E-2</v>
      </c>
      <c r="E364" s="207">
        <v>9.884857958541661E-2</v>
      </c>
      <c r="F364" s="89">
        <v>6.078134928175704E-2</v>
      </c>
      <c r="G364" s="207">
        <v>0.83619600346459233</v>
      </c>
      <c r="H364" s="89">
        <v>7.2974960898128577E-2</v>
      </c>
      <c r="I364" s="207">
        <v>1.0292665418003034E-2</v>
      </c>
      <c r="J364" s="89">
        <v>3.1747135683254268E-2</v>
      </c>
      <c r="K364" s="201">
        <v>107</v>
      </c>
      <c r="L364" s="207">
        <v>0.46566917515212497</v>
      </c>
      <c r="M364" s="89">
        <v>9.4707669424307098E-2</v>
      </c>
      <c r="N364" s="207">
        <v>0.21937616368239088</v>
      </c>
      <c r="O364" s="89">
        <v>7.9824956056647314E-2</v>
      </c>
      <c r="P364" s="207">
        <v>0.30312961471404271</v>
      </c>
      <c r="Q364" s="89">
        <v>8.7813292135409324E-2</v>
      </c>
      <c r="R364" s="207">
        <v>1.1825046451440658E-2</v>
      </c>
      <c r="S364" s="89">
        <v>3.2076249531611853E-2</v>
      </c>
      <c r="T364" s="201">
        <v>105</v>
      </c>
      <c r="U364" s="207">
        <v>0.70234490913733905</v>
      </c>
      <c r="V364" s="89">
        <v>8.8204604600086542E-2</v>
      </c>
      <c r="W364" s="207">
        <v>0.11311766794233298</v>
      </c>
      <c r="X364" s="89">
        <v>6.3853625174523726E-2</v>
      </c>
      <c r="Y364" s="207">
        <v>0.10405791127854874</v>
      </c>
      <c r="Z364" s="89">
        <v>6.1933615559672868E-2</v>
      </c>
      <c r="AA364" s="207">
        <v>8.0479511641778675E-2</v>
      </c>
      <c r="AB364" s="89">
        <v>5.6400530130511169E-2</v>
      </c>
      <c r="AC364" s="201">
        <v>106</v>
      </c>
      <c r="AD364" s="207">
        <v>0.58624053565074741</v>
      </c>
      <c r="AE364" s="89">
        <v>9.4020044166942165E-2</v>
      </c>
      <c r="AF364" s="207">
        <v>0.24383762353412394</v>
      </c>
      <c r="AG364" s="89">
        <v>8.2916468484671796E-2</v>
      </c>
      <c r="AH364" s="207">
        <v>0.10719962566312162</v>
      </c>
      <c r="AI364" s="89">
        <v>6.2296968955603695E-2</v>
      </c>
      <c r="AJ364" s="207">
        <v>6.2722215152006461E-2</v>
      </c>
      <c r="AK364" s="89">
        <v>5.1324852714840115E-2</v>
      </c>
      <c r="AL364" s="201">
        <v>107</v>
      </c>
      <c r="AM364" s="207">
        <v>0.40361948557737548</v>
      </c>
      <c r="AN364" s="89">
        <v>9.3262822593320555E-2</v>
      </c>
      <c r="AO364" s="207">
        <v>0.19144957199957435</v>
      </c>
      <c r="AP364" s="89">
        <v>7.6295893075526006E-2</v>
      </c>
      <c r="AQ364" s="207">
        <v>0.14851121605483517</v>
      </c>
      <c r="AR364" s="89">
        <v>6.9800048775388715E-2</v>
      </c>
      <c r="AS364" s="207">
        <v>0.25641972636821397</v>
      </c>
      <c r="AT364" s="89">
        <v>8.3798930557646839E-2</v>
      </c>
    </row>
    <row r="365" spans="1:46">
      <c r="A365" s="44" t="s">
        <v>539</v>
      </c>
      <c r="B365" s="204">
        <v>152</v>
      </c>
      <c r="C365" s="208">
        <v>0.15390369013765512</v>
      </c>
      <c r="D365" s="92">
        <v>5.9113383452337874E-2</v>
      </c>
      <c r="E365" s="208">
        <v>0.22591187534963403</v>
      </c>
      <c r="F365" s="92">
        <v>6.7686842403424041E-2</v>
      </c>
      <c r="G365" s="208">
        <v>0.62018443451271066</v>
      </c>
      <c r="H365" s="92">
        <v>7.7837262575869842E-2</v>
      </c>
      <c r="I365" s="208">
        <v>0</v>
      </c>
      <c r="J365" s="92">
        <v>1.8014344193057537E-2</v>
      </c>
      <c r="K365" s="204">
        <v>151</v>
      </c>
      <c r="L365" s="208">
        <v>0.57697921152374798</v>
      </c>
      <c r="M365" s="92">
        <v>7.9413349371344755E-2</v>
      </c>
      <c r="N365" s="208">
        <v>0.15432597884386831</v>
      </c>
      <c r="O365" s="92">
        <v>5.9372448643146274E-2</v>
      </c>
      <c r="P365" s="208">
        <v>0.200365233009833</v>
      </c>
      <c r="Q365" s="92">
        <v>6.5212916280827329E-2</v>
      </c>
      <c r="R365" s="208">
        <v>6.8329576622550056E-2</v>
      </c>
      <c r="S365" s="92">
        <v>4.3449359081893804E-2</v>
      </c>
      <c r="T365" s="204">
        <v>153</v>
      </c>
      <c r="U365" s="208">
        <v>0.52635504558905177</v>
      </c>
      <c r="V365" s="92">
        <v>7.9703327895446083E-2</v>
      </c>
      <c r="W365" s="208">
        <v>0.13041575164600747</v>
      </c>
      <c r="X365" s="92">
        <v>5.5357310129104498E-2</v>
      </c>
      <c r="Y365" s="208">
        <v>0.17683449805342286</v>
      </c>
      <c r="Z365" s="92">
        <v>6.1987844341742149E-2</v>
      </c>
      <c r="AA365" s="208">
        <v>0.16639470471151735</v>
      </c>
      <c r="AB365" s="92">
        <v>6.0634904191833851E-2</v>
      </c>
      <c r="AC365" s="204">
        <v>152</v>
      </c>
      <c r="AD365" s="208">
        <v>0.50771990321103566</v>
      </c>
      <c r="AE365" s="92">
        <v>8.0055016365072409E-2</v>
      </c>
      <c r="AF365" s="208">
        <v>0.10330856317422292</v>
      </c>
      <c r="AG365" s="92">
        <v>5.0789257053190456E-2</v>
      </c>
      <c r="AH365" s="208">
        <v>0.21392598767067142</v>
      </c>
      <c r="AI365" s="92">
        <v>6.646855663618878E-2</v>
      </c>
      <c r="AJ365" s="208">
        <v>0.17504554594406932</v>
      </c>
      <c r="AK365" s="92">
        <v>6.1965732130936195E-2</v>
      </c>
      <c r="AL365" s="204">
        <v>152</v>
      </c>
      <c r="AM365" s="208">
        <v>0.29527396750971968</v>
      </c>
      <c r="AN365" s="92">
        <v>7.3416456494641957E-2</v>
      </c>
      <c r="AO365" s="208">
        <v>0.1592907359592998</v>
      </c>
      <c r="AP365" s="92">
        <v>5.9870338869712741E-2</v>
      </c>
      <c r="AQ365" s="208">
        <v>0.22199290092470098</v>
      </c>
      <c r="AR365" s="92">
        <v>6.7296649710646445E-2</v>
      </c>
      <c r="AS365" s="208">
        <v>0.32344239560627841</v>
      </c>
      <c r="AT365" s="92">
        <v>7.5175949470397935E-2</v>
      </c>
    </row>
    <row r="366" spans="1:46">
      <c r="A366" s="40" t="s">
        <v>540</v>
      </c>
      <c r="B366" s="201">
        <v>341</v>
      </c>
      <c r="C366" s="207">
        <v>0.10392120407388854</v>
      </c>
      <c r="D366" s="89">
        <v>3.349034197687191E-2</v>
      </c>
      <c r="E366" s="207">
        <v>0.16693453242789694</v>
      </c>
      <c r="F366" s="89">
        <v>4.0521932856929607E-2</v>
      </c>
      <c r="G366" s="207">
        <v>0.71785518850642882</v>
      </c>
      <c r="H366" s="89">
        <v>4.8589768005521734E-2</v>
      </c>
      <c r="I366" s="207">
        <v>1.1289074991787934E-2</v>
      </c>
      <c r="J366" s="89">
        <v>1.3901436398747413E-2</v>
      </c>
      <c r="K366" s="201">
        <v>337</v>
      </c>
      <c r="L366" s="207">
        <v>0.4787064964531445</v>
      </c>
      <c r="M366" s="89">
        <v>5.4105052759212596E-2</v>
      </c>
      <c r="N366" s="207">
        <v>0.15648713177174522</v>
      </c>
      <c r="O366" s="89">
        <v>3.9757479860422898E-2</v>
      </c>
      <c r="P366" s="207">
        <v>0.29032465292415433</v>
      </c>
      <c r="Q366" s="89">
        <v>4.928361956479628E-2</v>
      </c>
      <c r="R366" s="207">
        <v>7.4481718850956488E-2</v>
      </c>
      <c r="S366" s="89">
        <v>2.9294171119664474E-2</v>
      </c>
      <c r="T366" s="201">
        <v>339</v>
      </c>
      <c r="U366" s="207">
        <v>0.60239287294497967</v>
      </c>
      <c r="V366" s="89">
        <v>5.2877415364161871E-2</v>
      </c>
      <c r="W366" s="207">
        <v>9.5278888215459712E-2</v>
      </c>
      <c r="X366" s="89">
        <v>3.2396763030543854E-2</v>
      </c>
      <c r="Y366" s="207">
        <v>0.14633414565627434</v>
      </c>
      <c r="Z366" s="89">
        <v>3.8608562610071888E-2</v>
      </c>
      <c r="AA366" s="207">
        <v>0.15599409318328733</v>
      </c>
      <c r="AB366" s="89">
        <v>3.9590316011352197E-2</v>
      </c>
      <c r="AC366" s="201">
        <v>338</v>
      </c>
      <c r="AD366" s="207">
        <v>0.53969637745428034</v>
      </c>
      <c r="AE366" s="89">
        <v>5.3907093884946133E-2</v>
      </c>
      <c r="AF366" s="207">
        <v>0.13610770310190667</v>
      </c>
      <c r="AG366" s="89">
        <v>3.7566591183048489E-2</v>
      </c>
      <c r="AH366" s="207">
        <v>0.15314058960777838</v>
      </c>
      <c r="AI366" s="89">
        <v>3.9364304554700955E-2</v>
      </c>
      <c r="AJ366" s="207">
        <v>0.17105532983603527</v>
      </c>
      <c r="AK366" s="89">
        <v>4.1083526937107852E-2</v>
      </c>
      <c r="AL366" s="201">
        <v>341</v>
      </c>
      <c r="AM366" s="207">
        <v>0.3810061911689957</v>
      </c>
      <c r="AN366" s="89">
        <v>5.2327497901025637E-2</v>
      </c>
      <c r="AO366" s="207">
        <v>0.17042658075914055</v>
      </c>
      <c r="AP366" s="89">
        <v>4.0844058802875532E-2</v>
      </c>
      <c r="AQ366" s="207">
        <v>0.17332092181947029</v>
      </c>
      <c r="AR366" s="89">
        <v>4.1106589291283947E-2</v>
      </c>
      <c r="AS366" s="207">
        <v>0.27524630625239382</v>
      </c>
      <c r="AT366" s="89">
        <v>4.8232568351429889E-2</v>
      </c>
    </row>
    <row r="367" spans="1:46">
      <c r="A367" s="44" t="s">
        <v>541</v>
      </c>
      <c r="B367" s="204">
        <v>112</v>
      </c>
      <c r="C367" s="208">
        <v>7.7961107499651613E-2</v>
      </c>
      <c r="D367" s="92">
        <v>5.3805300532739672E-2</v>
      </c>
      <c r="E367" s="208">
        <v>0.23691663512823824</v>
      </c>
      <c r="F367" s="92">
        <v>7.9973733903090191E-2</v>
      </c>
      <c r="G367" s="208">
        <v>0.6691202951274231</v>
      </c>
      <c r="H367" s="92">
        <v>8.7756883197514179E-2</v>
      </c>
      <c r="I367" s="208">
        <v>1.6001962244687681E-2</v>
      </c>
      <c r="J367" s="92">
        <v>3.3021838295602429E-2</v>
      </c>
      <c r="K367" s="204">
        <v>111</v>
      </c>
      <c r="L367" s="208">
        <v>0.47495508236285039</v>
      </c>
      <c r="M367" s="92">
        <v>9.3141431097629124E-2</v>
      </c>
      <c r="N367" s="208">
        <v>0.22106372083694825</v>
      </c>
      <c r="O367" s="92">
        <v>7.8577123278818023E-2</v>
      </c>
      <c r="P367" s="208">
        <v>0.1963228196729927</v>
      </c>
      <c r="Q367" s="92">
        <v>7.5546448103538041E-2</v>
      </c>
      <c r="R367" s="208">
        <v>0.1076583771272091</v>
      </c>
      <c r="S367" s="92">
        <v>6.0889102042072721E-2</v>
      </c>
      <c r="T367" s="204">
        <v>112</v>
      </c>
      <c r="U367" s="208">
        <v>0.64760071885269699</v>
      </c>
      <c r="V367" s="92">
        <v>8.8996436153723366E-2</v>
      </c>
      <c r="W367" s="208">
        <v>0.14035358587789112</v>
      </c>
      <c r="X367" s="92">
        <v>6.6804150037176269E-2</v>
      </c>
      <c r="Y367" s="208">
        <v>0.12281675362339951</v>
      </c>
      <c r="Z367" s="92">
        <v>6.3619332740058626E-2</v>
      </c>
      <c r="AA367" s="208">
        <v>8.9228941646013221E-2</v>
      </c>
      <c r="AB367" s="92">
        <v>5.6539047581967039E-2</v>
      </c>
      <c r="AC367" s="204">
        <v>111</v>
      </c>
      <c r="AD367" s="208">
        <v>0.57960020310574101</v>
      </c>
      <c r="AE367" s="92">
        <v>9.2142974074173517E-2</v>
      </c>
      <c r="AF367" s="208">
        <v>0.18610903807085985</v>
      </c>
      <c r="AG367" s="92">
        <v>7.4181294237227288E-2</v>
      </c>
      <c r="AH367" s="208">
        <v>0.12581087162195517</v>
      </c>
      <c r="AI367" s="92">
        <v>6.4485508162557187E-2</v>
      </c>
      <c r="AJ367" s="208">
        <v>0.10847988720144469</v>
      </c>
      <c r="AK367" s="92">
        <v>6.1060215989543726E-2</v>
      </c>
      <c r="AL367" s="204">
        <v>113</v>
      </c>
      <c r="AM367" s="208">
        <v>0.47132245772391884</v>
      </c>
      <c r="AN367" s="92">
        <v>9.2308081320592816E-2</v>
      </c>
      <c r="AO367" s="208">
        <v>0.2053215747378058</v>
      </c>
      <c r="AP367" s="92">
        <v>7.6011828163776482E-2</v>
      </c>
      <c r="AQ367" s="208">
        <v>0.13188189881926171</v>
      </c>
      <c r="AR367" s="92">
        <v>6.5003978975294863E-2</v>
      </c>
      <c r="AS367" s="208">
        <v>0.19147406871901423</v>
      </c>
      <c r="AT367" s="92">
        <v>7.4238951221614849E-2</v>
      </c>
    </row>
    <row r="368" spans="1:46">
      <c r="A368" s="40" t="s">
        <v>542</v>
      </c>
      <c r="B368" s="201">
        <v>95</v>
      </c>
      <c r="C368" s="207">
        <v>0.10436568942595617</v>
      </c>
      <c r="D368" s="89">
        <v>6.5402119501059675E-2</v>
      </c>
      <c r="E368" s="207">
        <v>0.13588799911534871</v>
      </c>
      <c r="F368" s="89">
        <v>7.189199448645027E-2</v>
      </c>
      <c r="G368" s="207">
        <v>0.75196972868876</v>
      </c>
      <c r="H368" s="89">
        <v>8.7971073041243658E-2</v>
      </c>
      <c r="I368" s="207">
        <v>7.7765827699359932E-3</v>
      </c>
      <c r="J368" s="89">
        <v>3.2967127007557571E-2</v>
      </c>
      <c r="K368" s="201">
        <v>95</v>
      </c>
      <c r="L368" s="207">
        <v>0.55408393943562484</v>
      </c>
      <c r="M368" s="89">
        <v>9.9960905863120522E-2</v>
      </c>
      <c r="N368" s="207">
        <v>0.11964400425260119</v>
      </c>
      <c r="O368" s="89">
        <v>6.8691582371960588E-2</v>
      </c>
      <c r="P368" s="207">
        <v>0.29867113290693348</v>
      </c>
      <c r="Q368" s="89">
        <v>9.2698258491060753E-2</v>
      </c>
      <c r="R368" s="207">
        <v>2.760092340484141E-2</v>
      </c>
      <c r="S368" s="89">
        <v>4.2406407146833656E-2</v>
      </c>
      <c r="T368" s="201">
        <v>95</v>
      </c>
      <c r="U368" s="207">
        <v>0.55148225610033252</v>
      </c>
      <c r="V368" s="89">
        <v>0.10001200455193253</v>
      </c>
      <c r="W368" s="207">
        <v>3.0122792575820134E-2</v>
      </c>
      <c r="X368" s="89">
        <v>4.3436316360393343E-2</v>
      </c>
      <c r="Y368" s="207">
        <v>0.18551426257996897</v>
      </c>
      <c r="Z368" s="89">
        <v>8.0133547246003939E-2</v>
      </c>
      <c r="AA368" s="207">
        <v>0.23288068874387924</v>
      </c>
      <c r="AB368" s="89">
        <v>8.6292120285250615E-2</v>
      </c>
      <c r="AC368" s="201">
        <v>95</v>
      </c>
      <c r="AD368" s="207">
        <v>0.51884827467819294</v>
      </c>
      <c r="AE368" s="89">
        <v>0.10043800444981456</v>
      </c>
      <c r="AF368" s="207">
        <v>8.3788516748814074E-2</v>
      </c>
      <c r="AG368" s="89">
        <v>6.0464113296972599E-2</v>
      </c>
      <c r="AH368" s="207">
        <v>0.15968303871297951</v>
      </c>
      <c r="AI368" s="89">
        <v>7.6105757762974582E-2</v>
      </c>
      <c r="AJ368" s="207">
        <v>0.23768016986001445</v>
      </c>
      <c r="AK368" s="89">
        <v>8.6838178409072861E-2</v>
      </c>
      <c r="AL368" s="201">
        <v>95</v>
      </c>
      <c r="AM368" s="207">
        <v>0.38848109771035699</v>
      </c>
      <c r="AN368" s="89">
        <v>9.8174900407854176E-2</v>
      </c>
      <c r="AO368" s="207">
        <v>0.16436351517027692</v>
      </c>
      <c r="AP368" s="89">
        <v>7.6875191312340316E-2</v>
      </c>
      <c r="AQ368" s="207">
        <v>0.13817805780945722</v>
      </c>
      <c r="AR368" s="89">
        <v>7.2320879925505094E-2</v>
      </c>
      <c r="AS368" s="207">
        <v>0.30897732930990968</v>
      </c>
      <c r="AT368" s="89">
        <v>9.3506209993426112E-2</v>
      </c>
    </row>
    <row r="369" spans="1:46">
      <c r="A369" s="44" t="s">
        <v>543</v>
      </c>
      <c r="B369" s="204">
        <v>77</v>
      </c>
      <c r="C369" s="208">
        <v>0.17809792595159152</v>
      </c>
      <c r="D369" s="92">
        <v>8.7872108713013139E-2</v>
      </c>
      <c r="E369" s="208">
        <v>0.16044500005618759</v>
      </c>
      <c r="F369" s="92">
        <v>8.4855330279494545E-2</v>
      </c>
      <c r="G369" s="208">
        <v>0.6614570739922212</v>
      </c>
      <c r="H369" s="92">
        <v>0.1057466567193685</v>
      </c>
      <c r="I369" s="208">
        <v>0</v>
      </c>
      <c r="J369" s="92">
        <v>3.4485061975244265E-2</v>
      </c>
      <c r="K369" s="204">
        <v>75</v>
      </c>
      <c r="L369" s="208">
        <v>0.46712614064116437</v>
      </c>
      <c r="M369" s="92">
        <v>0.11228940363659512</v>
      </c>
      <c r="N369" s="208">
        <v>0.14181017098875764</v>
      </c>
      <c r="O369" s="92">
        <v>8.248161290456589E-2</v>
      </c>
      <c r="P369" s="208">
        <v>0.31026373671502866</v>
      </c>
      <c r="Q369" s="92">
        <v>0.1049540978072054</v>
      </c>
      <c r="R369" s="208">
        <v>8.0799951655049537E-2</v>
      </c>
      <c r="S369" s="92">
        <v>6.8108667723277908E-2</v>
      </c>
      <c r="T369" s="204">
        <v>76</v>
      </c>
      <c r="U369" s="208">
        <v>0.58146001228709099</v>
      </c>
      <c r="V369" s="92">
        <v>0.11045615655642825</v>
      </c>
      <c r="W369" s="208">
        <v>0.11855852984455978</v>
      </c>
      <c r="X369" s="92">
        <v>7.703519337718473E-2</v>
      </c>
      <c r="Y369" s="208">
        <v>0.10930009296107328</v>
      </c>
      <c r="Z369" s="92">
        <v>7.4912151328204446E-2</v>
      </c>
      <c r="AA369" s="208">
        <v>0.19068136490727597</v>
      </c>
      <c r="AB369" s="92">
        <v>9.0457334899083155E-2</v>
      </c>
      <c r="AC369" s="204">
        <v>77</v>
      </c>
      <c r="AD369" s="208">
        <v>0.52293194863825665</v>
      </c>
      <c r="AE369" s="92">
        <v>0.1110054567686241</v>
      </c>
      <c r="AF369" s="208">
        <v>0.14711690134909028</v>
      </c>
      <c r="AG369" s="92">
        <v>8.2392842068414379E-2</v>
      </c>
      <c r="AH369" s="208">
        <v>0.14622164231060389</v>
      </c>
      <c r="AI369" s="92">
        <v>8.2221336089242605E-2</v>
      </c>
      <c r="AJ369" s="208">
        <v>0.18372950770204929</v>
      </c>
      <c r="AK369" s="92">
        <v>8.878000464754808E-2</v>
      </c>
      <c r="AL369" s="204">
        <v>77</v>
      </c>
      <c r="AM369" s="208">
        <v>0.2809460171106789</v>
      </c>
      <c r="AN369" s="92">
        <v>0.10101645364805857</v>
      </c>
      <c r="AO369" s="208">
        <v>0.1279915111440805</v>
      </c>
      <c r="AP369" s="92">
        <v>7.8548680398806872E-2</v>
      </c>
      <c r="AQ369" s="208">
        <v>0.24072346836268863</v>
      </c>
      <c r="AR369" s="92">
        <v>9.6673354142890702E-2</v>
      </c>
      <c r="AS369" s="208">
        <v>0.35033900338255203</v>
      </c>
      <c r="AT369" s="92">
        <v>0.10651821919582671</v>
      </c>
    </row>
    <row r="370" spans="1:46">
      <c r="A370" s="52" t="s">
        <v>544</v>
      </c>
      <c r="B370" s="201">
        <v>57</v>
      </c>
      <c r="C370" s="207">
        <v>2.7480846102253594E-2</v>
      </c>
      <c r="D370" s="89">
        <v>6.0080530418647395E-2</v>
      </c>
      <c r="E370" s="207">
        <v>8.8630140544421629E-2</v>
      </c>
      <c r="F370" s="89">
        <v>8.1879819149168906E-2</v>
      </c>
      <c r="G370" s="207">
        <v>0.85432602599933616</v>
      </c>
      <c r="H370" s="89">
        <v>9.5943424966338745E-2</v>
      </c>
      <c r="I370" s="207">
        <v>2.9562987353988282E-2</v>
      </c>
      <c r="J370" s="89">
        <v>6.1008888868588795E-2</v>
      </c>
      <c r="K370" s="201">
        <v>56</v>
      </c>
      <c r="L370" s="207">
        <v>0.32034156685294768</v>
      </c>
      <c r="M370" s="89">
        <v>0.12162319234267982</v>
      </c>
      <c r="N370" s="207">
        <v>0.12029687404557363</v>
      </c>
      <c r="O370" s="89">
        <v>9.1070676800474537E-2</v>
      </c>
      <c r="P370" s="207">
        <v>0.45889507450428879</v>
      </c>
      <c r="Q370" s="89">
        <v>0.1287188558285341</v>
      </c>
      <c r="R370" s="207">
        <v>0.10046648459719013</v>
      </c>
      <c r="S370" s="89">
        <v>8.6002759875948243E-2</v>
      </c>
      <c r="T370" s="201">
        <v>56</v>
      </c>
      <c r="U370" s="207">
        <v>0.6614286882586875</v>
      </c>
      <c r="V370" s="89">
        <v>0.12309874700085904</v>
      </c>
      <c r="W370" s="207">
        <v>0.10792247916541861</v>
      </c>
      <c r="X370" s="89">
        <v>8.7972963288799125E-2</v>
      </c>
      <c r="Y370" s="207">
        <v>0.17311895770851746</v>
      </c>
      <c r="Z370" s="89">
        <v>0.10228089384062429</v>
      </c>
      <c r="AA370" s="207">
        <v>5.7529874867376166E-2</v>
      </c>
      <c r="AB370" s="89">
        <v>7.2780047977274567E-2</v>
      </c>
      <c r="AC370" s="201">
        <v>55</v>
      </c>
      <c r="AD370" s="207">
        <v>0.52911327031277811</v>
      </c>
      <c r="AE370" s="89">
        <v>0.12999698774134955</v>
      </c>
      <c r="AF370" s="207">
        <v>0.128054158049762</v>
      </c>
      <c r="AG370" s="89">
        <v>9.3800682810673192E-2</v>
      </c>
      <c r="AH370" s="207">
        <v>0.2144831377983103</v>
      </c>
      <c r="AI370" s="89">
        <v>0.11021057437701473</v>
      </c>
      <c r="AJ370" s="207">
        <v>0.12834943383914926</v>
      </c>
      <c r="AK370" s="89">
        <v>9.3869611325846217E-2</v>
      </c>
      <c r="AL370" s="201">
        <v>56</v>
      </c>
      <c r="AM370" s="207">
        <v>0.33164380896820073</v>
      </c>
      <c r="AN370" s="89">
        <v>0.12255866479362602</v>
      </c>
      <c r="AO370" s="207">
        <v>0.18086044320180636</v>
      </c>
      <c r="AP370" s="89">
        <v>0.10369097804846418</v>
      </c>
      <c r="AQ370" s="207">
        <v>0.23480199252070189</v>
      </c>
      <c r="AR370" s="89">
        <v>0.11217093212756243</v>
      </c>
      <c r="AS370" s="207">
        <v>0.25269375530929106</v>
      </c>
      <c r="AT370" s="89">
        <v>0.11452001705288023</v>
      </c>
    </row>
    <row r="371" spans="1:46">
      <c r="A371" s="44" t="s">
        <v>545</v>
      </c>
      <c r="B371" s="204">
        <v>636</v>
      </c>
      <c r="C371" s="208">
        <v>0.13907768916635918</v>
      </c>
      <c r="D371" s="92">
        <v>2.7540686776567777E-2</v>
      </c>
      <c r="E371" s="208">
        <v>0.14917615592736222</v>
      </c>
      <c r="F371" s="92">
        <v>2.8334639780661197E-2</v>
      </c>
      <c r="G371" s="208">
        <v>0.70750659771686064</v>
      </c>
      <c r="H371" s="92">
        <v>3.6010204045472546E-2</v>
      </c>
      <c r="I371" s="208">
        <v>4.2395571894192465E-3</v>
      </c>
      <c r="J371" s="92">
        <v>6.7473202241024287E-3</v>
      </c>
      <c r="K371" s="204">
        <v>633</v>
      </c>
      <c r="L371" s="208">
        <v>0.40992609956311571</v>
      </c>
      <c r="M371" s="92">
        <v>3.8981400106311612E-2</v>
      </c>
      <c r="N371" s="208">
        <v>0.20345025329591393</v>
      </c>
      <c r="O371" s="92">
        <v>3.200855743899237E-2</v>
      </c>
      <c r="P371" s="208">
        <v>0.33521322107202772</v>
      </c>
      <c r="Q371" s="92">
        <v>3.7436311494424633E-2</v>
      </c>
      <c r="R371" s="208">
        <v>5.1410426068946628E-2</v>
      </c>
      <c r="S371" s="92">
        <v>1.7945795478098579E-2</v>
      </c>
      <c r="T371" s="204">
        <v>635</v>
      </c>
      <c r="U371" s="208">
        <v>0.59035200315135783</v>
      </c>
      <c r="V371" s="92">
        <v>3.8916338088312137E-2</v>
      </c>
      <c r="W371" s="208">
        <v>0.12012887478105494</v>
      </c>
      <c r="X371" s="92">
        <v>2.5940689842876938E-2</v>
      </c>
      <c r="Y371" s="208">
        <v>0.16777091743868378</v>
      </c>
      <c r="Z371" s="92">
        <v>2.9709219134286643E-2</v>
      </c>
      <c r="AA371" s="208">
        <v>0.12174820462890766</v>
      </c>
      <c r="AB371" s="92">
        <v>2.6086554136982951E-2</v>
      </c>
      <c r="AC371" s="204">
        <v>636</v>
      </c>
      <c r="AD371" s="208">
        <v>0.53574287292602141</v>
      </c>
      <c r="AE371" s="92">
        <v>3.9428603714708514E-2</v>
      </c>
      <c r="AF371" s="208">
        <v>0.15156540750400704</v>
      </c>
      <c r="AG371" s="92">
        <v>2.8516023524052251E-2</v>
      </c>
      <c r="AH371" s="208">
        <v>0.17207932593544173</v>
      </c>
      <c r="AI371" s="92">
        <v>2.9979991312906715E-2</v>
      </c>
      <c r="AJ371" s="208">
        <v>0.14061239363453396</v>
      </c>
      <c r="AK371" s="92">
        <v>2.766428160156794E-2</v>
      </c>
      <c r="AL371" s="204">
        <v>634</v>
      </c>
      <c r="AM371" s="208">
        <v>0.40576754125452685</v>
      </c>
      <c r="AN371" s="92">
        <v>3.8889864550735127E-2</v>
      </c>
      <c r="AO371" s="208">
        <v>0.14631307164723176</v>
      </c>
      <c r="AP371" s="92">
        <v>2.8158666198026233E-2</v>
      </c>
      <c r="AQ371" s="208">
        <v>0.20554332658272279</v>
      </c>
      <c r="AR371" s="92">
        <v>3.2102799806217643E-2</v>
      </c>
      <c r="AS371" s="208">
        <v>0.24237606051552121</v>
      </c>
      <c r="AT371" s="92">
        <v>3.4007146937321944E-2</v>
      </c>
    </row>
    <row r="372" spans="1:46">
      <c r="A372" s="52" t="s">
        <v>546</v>
      </c>
      <c r="B372" s="201">
        <v>66</v>
      </c>
      <c r="C372" s="207">
        <v>0.13127682768003551</v>
      </c>
      <c r="D372" s="89">
        <v>8.5902668895459916E-2</v>
      </c>
      <c r="E372" s="207">
        <v>0.12445864980928212</v>
      </c>
      <c r="F372" s="89">
        <v>8.4388911736041794E-2</v>
      </c>
      <c r="G372" s="207">
        <v>0.74426452251068254</v>
      </c>
      <c r="H372" s="89">
        <v>0.10608861339765814</v>
      </c>
      <c r="I372" s="207">
        <v>0</v>
      </c>
      <c r="J372" s="89">
        <v>3.9824688710695409E-2</v>
      </c>
      <c r="K372" s="201">
        <v>67</v>
      </c>
      <c r="L372" s="207">
        <v>0.31416538803729865</v>
      </c>
      <c r="M372" s="89">
        <v>0.11113932304643334</v>
      </c>
      <c r="N372" s="207">
        <v>0.20285292195852986</v>
      </c>
      <c r="O372" s="89">
        <v>9.8258713462730421E-2</v>
      </c>
      <c r="P372" s="207">
        <v>0.36613224877794903</v>
      </c>
      <c r="Q372" s="89">
        <v>0.11482792158173508</v>
      </c>
      <c r="R372" s="207">
        <v>0.11684944122622257</v>
      </c>
      <c r="S372" s="89">
        <v>8.1972524250670989E-2</v>
      </c>
      <c r="T372" s="201">
        <v>67</v>
      </c>
      <c r="U372" s="207">
        <v>0.70406401723946843</v>
      </c>
      <c r="V372" s="89">
        <v>0.10952336584922655</v>
      </c>
      <c r="W372" s="207">
        <v>9.3505023475090335E-2</v>
      </c>
      <c r="X372" s="89">
        <v>7.6122864884447555E-2</v>
      </c>
      <c r="Y372" s="207">
        <v>0.11648106120559552</v>
      </c>
      <c r="Z372" s="89">
        <v>8.1886053421672503E-2</v>
      </c>
      <c r="AA372" s="207">
        <v>8.5949898079845835E-2</v>
      </c>
      <c r="AB372" s="89">
        <v>7.4051856594750887E-2</v>
      </c>
      <c r="AC372" s="201">
        <v>67</v>
      </c>
      <c r="AD372" s="207">
        <v>0.63377303869259494</v>
      </c>
      <c r="AE372" s="89">
        <v>0.11483345898710719</v>
      </c>
      <c r="AF372" s="207">
        <v>8.1705879715557123E-2</v>
      </c>
      <c r="AG372" s="89">
        <v>7.2845429725266475E-2</v>
      </c>
      <c r="AH372" s="207">
        <v>0.16746357927506003</v>
      </c>
      <c r="AI372" s="89">
        <v>9.2394841880328454E-2</v>
      </c>
      <c r="AJ372" s="207">
        <v>0.11705750231678819</v>
      </c>
      <c r="AK372" s="89">
        <v>8.2021286023933243E-2</v>
      </c>
      <c r="AL372" s="201">
        <v>67</v>
      </c>
      <c r="AM372" s="207">
        <v>0.56562502347995047</v>
      </c>
      <c r="AN372" s="89">
        <v>0.11776437270604072</v>
      </c>
      <c r="AO372" s="207">
        <v>8.8714315614368447E-2</v>
      </c>
      <c r="AP372" s="89">
        <v>7.4820728754092694E-2</v>
      </c>
      <c r="AQ372" s="207">
        <v>0.18295478916728658</v>
      </c>
      <c r="AR372" s="89">
        <v>9.5087573588330421E-2</v>
      </c>
      <c r="AS372" s="207">
        <v>0.16270587173839474</v>
      </c>
      <c r="AT372" s="89">
        <v>9.1525546508276989E-2</v>
      </c>
    </row>
    <row r="373" spans="1:46">
      <c r="A373" s="44" t="s">
        <v>547</v>
      </c>
      <c r="B373" s="204">
        <v>146</v>
      </c>
      <c r="C373" s="208">
        <v>0.19034647936257701</v>
      </c>
      <c r="D373" s="92">
        <v>6.5148117367714503E-2</v>
      </c>
      <c r="E373" s="208">
        <v>0.18061205241660808</v>
      </c>
      <c r="F373" s="92">
        <v>6.394982645156326E-2</v>
      </c>
      <c r="G373" s="208">
        <v>0.61278970192483861</v>
      </c>
      <c r="H373" s="92">
        <v>7.9657252045151908E-2</v>
      </c>
      <c r="I373" s="208">
        <v>1.6251766295977098E-2</v>
      </c>
      <c r="J373" s="92">
        <v>2.7472117483121648E-2</v>
      </c>
      <c r="K373" s="204">
        <v>145</v>
      </c>
      <c r="L373" s="208">
        <v>0.57678708176559068</v>
      </c>
      <c r="M373" s="92">
        <v>8.1003119040271743E-2</v>
      </c>
      <c r="N373" s="208">
        <v>0.16615356996436945</v>
      </c>
      <c r="O373" s="92">
        <v>6.2272472339815449E-2</v>
      </c>
      <c r="P373" s="208">
        <v>0.23230043704450928</v>
      </c>
      <c r="Q373" s="92">
        <v>6.9924787614625741E-2</v>
      </c>
      <c r="R373" s="208">
        <v>2.4758911225531262E-2</v>
      </c>
      <c r="S373" s="92">
        <v>3.1134922395846355E-2</v>
      </c>
      <c r="T373" s="204">
        <v>146</v>
      </c>
      <c r="U373" s="208">
        <v>0.64739208820704874</v>
      </c>
      <c r="V373" s="92">
        <v>7.8216581361287368E-2</v>
      </c>
      <c r="W373" s="208">
        <v>9.4094027475140118E-2</v>
      </c>
      <c r="X373" s="92">
        <v>5.0042744617814341E-2</v>
      </c>
      <c r="Y373" s="208">
        <v>0.16289597043904092</v>
      </c>
      <c r="Z373" s="92">
        <v>6.1609699806560489E-2</v>
      </c>
      <c r="AA373" s="208">
        <v>9.5617913878771166E-2</v>
      </c>
      <c r="AB373" s="92">
        <v>5.0353462788614085E-2</v>
      </c>
      <c r="AC373" s="204">
        <v>145</v>
      </c>
      <c r="AD373" s="208">
        <v>0.48097241616985459</v>
      </c>
      <c r="AE373" s="92">
        <v>8.1866994603051552E-2</v>
      </c>
      <c r="AF373" s="208">
        <v>0.20130169720432556</v>
      </c>
      <c r="AG373" s="92">
        <v>6.6656566558345731E-2</v>
      </c>
      <c r="AH373" s="208">
        <v>0.19401602900430071</v>
      </c>
      <c r="AI373" s="92">
        <v>6.5811046125107006E-2</v>
      </c>
      <c r="AJ373" s="208">
        <v>0.12370985762152033</v>
      </c>
      <c r="AK373" s="92">
        <v>5.57814672743423E-2</v>
      </c>
      <c r="AL373" s="204">
        <v>144</v>
      </c>
      <c r="AM373" s="208">
        <v>0.36357888042937481</v>
      </c>
      <c r="AN373" s="92">
        <v>7.9250145998559299E-2</v>
      </c>
      <c r="AO373" s="208">
        <v>0.17500474572271624</v>
      </c>
      <c r="AP373" s="92">
        <v>6.3673624055210806E-2</v>
      </c>
      <c r="AQ373" s="208">
        <v>0.18800489043433163</v>
      </c>
      <c r="AR373" s="92">
        <v>6.5316199887300613E-2</v>
      </c>
      <c r="AS373" s="208">
        <v>0.27341148341357902</v>
      </c>
      <c r="AT373" s="92">
        <v>7.37774965841827E-2</v>
      </c>
    </row>
    <row r="374" spans="1:46">
      <c r="A374" s="52" t="s">
        <v>548</v>
      </c>
      <c r="B374" s="201">
        <v>163</v>
      </c>
      <c r="C374" s="207">
        <v>7.5085954081119663E-2</v>
      </c>
      <c r="D374" s="89">
        <v>4.3221658311319119E-2</v>
      </c>
      <c r="E374" s="207">
        <v>8.5731677397210396E-2</v>
      </c>
      <c r="F374" s="89">
        <v>4.5518840531252838E-2</v>
      </c>
      <c r="G374" s="207">
        <v>0.8341008853537023</v>
      </c>
      <c r="H374" s="89">
        <v>5.8659637054039884E-2</v>
      </c>
      <c r="I374" s="207">
        <v>5.0814831679678726E-3</v>
      </c>
      <c r="J374" s="89">
        <v>1.9969435890576225E-2</v>
      </c>
      <c r="K374" s="201">
        <v>161</v>
      </c>
      <c r="L374" s="207">
        <v>0.20315319551838396</v>
      </c>
      <c r="M374" s="89">
        <v>6.3456513812575124E-2</v>
      </c>
      <c r="N374" s="207">
        <v>0.24680556176437288</v>
      </c>
      <c r="O374" s="89">
        <v>6.7682527989084071E-2</v>
      </c>
      <c r="P374" s="207">
        <v>0.49490539328711286</v>
      </c>
      <c r="Q374" s="89">
        <v>7.7846046691845736E-2</v>
      </c>
      <c r="R374" s="207">
        <v>5.5135849430130453E-2</v>
      </c>
      <c r="S374" s="89">
        <v>3.8635807276539896E-2</v>
      </c>
      <c r="T374" s="201">
        <v>162</v>
      </c>
      <c r="U374" s="207">
        <v>0.41063028872192581</v>
      </c>
      <c r="V374" s="89">
        <v>7.6425147287883119E-2</v>
      </c>
      <c r="W374" s="207">
        <v>0.16190697572457682</v>
      </c>
      <c r="X374" s="89">
        <v>5.8316854120702359E-2</v>
      </c>
      <c r="Y374" s="207">
        <v>0.23002404926126618</v>
      </c>
      <c r="Z374" s="89">
        <v>6.5965177449732834E-2</v>
      </c>
      <c r="AA374" s="207">
        <v>0.19743868629223132</v>
      </c>
      <c r="AB374" s="89">
        <v>6.2635919819615027E-2</v>
      </c>
      <c r="AC374" s="201">
        <v>163</v>
      </c>
      <c r="AD374" s="207">
        <v>0.44767232635032023</v>
      </c>
      <c r="AE374" s="89">
        <v>7.6977547737563407E-2</v>
      </c>
      <c r="AF374" s="207">
        <v>0.13710161286191086</v>
      </c>
      <c r="AG374" s="89">
        <v>5.4616345221886096E-2</v>
      </c>
      <c r="AH374" s="207">
        <v>0.19391785345808124</v>
      </c>
      <c r="AI374" s="89">
        <v>6.2050382659660223E-2</v>
      </c>
      <c r="AJ374" s="207">
        <v>0.22130820732968787</v>
      </c>
      <c r="AK374" s="89">
        <v>6.4928703760934001E-2</v>
      </c>
      <c r="AL374" s="201">
        <v>162</v>
      </c>
      <c r="AM374" s="207">
        <v>0.28563575114382983</v>
      </c>
      <c r="AN374" s="89">
        <v>7.0494952931876784E-2</v>
      </c>
      <c r="AO374" s="207">
        <v>0.17372442751419931</v>
      </c>
      <c r="AP374" s="89">
        <v>5.984172625164106E-2</v>
      </c>
      <c r="AQ374" s="207">
        <v>0.16921126624949503</v>
      </c>
      <c r="AR374" s="89">
        <v>5.9270381061315658E-2</v>
      </c>
      <c r="AS374" s="207">
        <v>0.37142855509247596</v>
      </c>
      <c r="AT374" s="89">
        <v>7.5131441688180631E-2</v>
      </c>
    </row>
    <row r="375" spans="1:46">
      <c r="A375" s="44" t="s">
        <v>549</v>
      </c>
      <c r="B375" s="204">
        <v>71</v>
      </c>
      <c r="C375" s="208">
        <v>0.18406869110622437</v>
      </c>
      <c r="D375" s="92">
        <v>9.2534728086001605E-2</v>
      </c>
      <c r="E375" s="208">
        <v>0.24825987624515936</v>
      </c>
      <c r="F375" s="92">
        <v>0.101510313463607</v>
      </c>
      <c r="G375" s="208">
        <v>0.56767143264861619</v>
      </c>
      <c r="H375" s="92">
        <v>0.11451835906486121</v>
      </c>
      <c r="I375" s="208">
        <v>0</v>
      </c>
      <c r="J375" s="92">
        <v>3.7206132509255738E-2</v>
      </c>
      <c r="K375" s="204">
        <v>71</v>
      </c>
      <c r="L375" s="208">
        <v>0.21037714742020644</v>
      </c>
      <c r="M375" s="92">
        <v>9.6561512353753307E-2</v>
      </c>
      <c r="N375" s="208">
        <v>0.29373640681316171</v>
      </c>
      <c r="O375" s="92">
        <v>0.10630080897671973</v>
      </c>
      <c r="P375" s="208">
        <v>0.42487401323631974</v>
      </c>
      <c r="Q375" s="92">
        <v>0.11429600163192295</v>
      </c>
      <c r="R375" s="208">
        <v>7.101243253031142E-2</v>
      </c>
      <c r="S375" s="92">
        <v>6.7360168285346994E-2</v>
      </c>
      <c r="T375" s="204">
        <v>71</v>
      </c>
      <c r="U375" s="208">
        <v>0.4809288348382062</v>
      </c>
      <c r="V375" s="92">
        <v>0.1153947547673021</v>
      </c>
      <c r="W375" s="208">
        <v>0.10654874375336267</v>
      </c>
      <c r="X375" s="92">
        <v>7.703443141334522E-2</v>
      </c>
      <c r="Y375" s="208">
        <v>0.27148370905038971</v>
      </c>
      <c r="Z375" s="92">
        <v>0.10410299248292225</v>
      </c>
      <c r="AA375" s="208">
        <v>0.14103871235804089</v>
      </c>
      <c r="AB375" s="92">
        <v>8.4703284521742001E-2</v>
      </c>
      <c r="AC375" s="204">
        <v>72</v>
      </c>
      <c r="AD375" s="208">
        <v>0.48133736427039248</v>
      </c>
      <c r="AE375" s="92">
        <v>0.11463613000496382</v>
      </c>
      <c r="AF375" s="208">
        <v>0.16049599425652558</v>
      </c>
      <c r="AG375" s="92">
        <v>8.7824791572556793E-2</v>
      </c>
      <c r="AH375" s="208">
        <v>0.22493738418021475</v>
      </c>
      <c r="AI375" s="92">
        <v>9.7897671143133913E-2</v>
      </c>
      <c r="AJ375" s="208">
        <v>0.13322925729286689</v>
      </c>
      <c r="AK375" s="92">
        <v>8.2483386022367808E-2</v>
      </c>
      <c r="AL375" s="204">
        <v>72</v>
      </c>
      <c r="AM375" s="208">
        <v>0.25679081281855853</v>
      </c>
      <c r="AN375" s="92">
        <v>0.10180265462477289</v>
      </c>
      <c r="AO375" s="208">
        <v>0.19302216243838877</v>
      </c>
      <c r="AP375" s="92">
        <v>9.3308509907953224E-2</v>
      </c>
      <c r="AQ375" s="208">
        <v>0.30483370802248544</v>
      </c>
      <c r="AR375" s="92">
        <v>0.10657689775132725</v>
      </c>
      <c r="AS375" s="208">
        <v>0.24535331672056665</v>
      </c>
      <c r="AT375" s="92">
        <v>0.1004728880146107</v>
      </c>
    </row>
    <row r="376" spans="1:46">
      <c r="A376" s="52" t="s">
        <v>550</v>
      </c>
      <c r="B376" s="201">
        <v>121</v>
      </c>
      <c r="C376" s="207">
        <v>0.14483119050675541</v>
      </c>
      <c r="D376" s="89">
        <v>6.4942859051292184E-2</v>
      </c>
      <c r="E376" s="207">
        <v>0.11270891380225607</v>
      </c>
      <c r="F376" s="89">
        <v>5.9181527109667412E-2</v>
      </c>
      <c r="G376" s="207">
        <v>0.74245989569098814</v>
      </c>
      <c r="H376" s="89">
        <v>7.8976524423391592E-2</v>
      </c>
      <c r="I376" s="207">
        <v>0</v>
      </c>
      <c r="J376" s="89">
        <v>2.2445667733440235E-2</v>
      </c>
      <c r="K376" s="201">
        <v>120</v>
      </c>
      <c r="L376" s="207">
        <v>0.47620527179416472</v>
      </c>
      <c r="M376" s="89">
        <v>8.9707364762470571E-2</v>
      </c>
      <c r="N376" s="207">
        <v>0.18397656071610083</v>
      </c>
      <c r="O376" s="89">
        <v>7.104486095533917E-2</v>
      </c>
      <c r="P376" s="207">
        <v>0.28178408630316432</v>
      </c>
      <c r="Q376" s="89">
        <v>8.1399929720946687E-2</v>
      </c>
      <c r="R376" s="207">
        <v>5.8034081186568977E-2</v>
      </c>
      <c r="S376" s="89">
        <v>4.651224290201196E-2</v>
      </c>
      <c r="T376" s="201">
        <v>120</v>
      </c>
      <c r="U376" s="207">
        <v>0.66628829423721458</v>
      </c>
      <c r="V376" s="89">
        <v>8.5024363891146801E-2</v>
      </c>
      <c r="W376" s="207">
        <v>0.10878073315118585</v>
      </c>
      <c r="X376" s="89">
        <v>5.8657721553631845E-2</v>
      </c>
      <c r="Y376" s="207">
        <v>0.12066889091824759</v>
      </c>
      <c r="Z376" s="89">
        <v>6.0971050434795546E-2</v>
      </c>
      <c r="AA376" s="207">
        <v>0.10426208169335129</v>
      </c>
      <c r="AB376" s="89">
        <v>5.7734741066660308E-2</v>
      </c>
      <c r="AC376" s="201">
        <v>121</v>
      </c>
      <c r="AD376" s="207">
        <v>0.54618861090204784</v>
      </c>
      <c r="AE376" s="89">
        <v>8.9084403025730591E-2</v>
      </c>
      <c r="AF376" s="207">
        <v>0.18479915617197665</v>
      </c>
      <c r="AG376" s="89">
        <v>7.0858776200602019E-2</v>
      </c>
      <c r="AH376" s="207">
        <v>0.1362661745305685</v>
      </c>
      <c r="AI376" s="89">
        <v>6.350548287235265E-2</v>
      </c>
      <c r="AJ376" s="207">
        <v>0.13274605839540568</v>
      </c>
      <c r="AK376" s="89">
        <v>6.2895076868123845E-2</v>
      </c>
      <c r="AL376" s="201">
        <v>121</v>
      </c>
      <c r="AM376" s="207">
        <v>0.40869980814866708</v>
      </c>
      <c r="AN376" s="89">
        <v>8.8034397929451322E-2</v>
      </c>
      <c r="AO376" s="207">
        <v>0.15549124378398513</v>
      </c>
      <c r="AP376" s="89">
        <v>6.6642473965025914E-2</v>
      </c>
      <c r="AQ376" s="207">
        <v>0.24357144651942952</v>
      </c>
      <c r="AR376" s="89">
        <v>7.7642343461164109E-2</v>
      </c>
      <c r="AS376" s="207">
        <v>0.19223750154791716</v>
      </c>
      <c r="AT376" s="89">
        <v>7.1832514067426453E-2</v>
      </c>
    </row>
    <row r="377" spans="1:46">
      <c r="A377" s="44" t="s">
        <v>551</v>
      </c>
      <c r="B377" s="204">
        <v>69</v>
      </c>
      <c r="C377" s="208">
        <v>0.18173207602009456</v>
      </c>
      <c r="D377" s="92">
        <v>9.3487135453132281E-2</v>
      </c>
      <c r="E377" s="208">
        <v>0.28021138128804535</v>
      </c>
      <c r="F377" s="92">
        <v>0.10646032021330423</v>
      </c>
      <c r="G377" s="208">
        <v>0.53805654269185998</v>
      </c>
      <c r="H377" s="92">
        <v>0.11673786792276354</v>
      </c>
      <c r="I377" s="208">
        <v>0</v>
      </c>
      <c r="J377" s="92">
        <v>3.821112970151376E-2</v>
      </c>
      <c r="K377" s="204">
        <v>69</v>
      </c>
      <c r="L377" s="208">
        <v>0.70677853174577532</v>
      </c>
      <c r="M377" s="92">
        <v>0.1077287310178006</v>
      </c>
      <c r="N377" s="208">
        <v>0.14049477017044121</v>
      </c>
      <c r="O377" s="92">
        <v>8.5858012625601637E-2</v>
      </c>
      <c r="P377" s="208">
        <v>0.14183685053449913</v>
      </c>
      <c r="Q377" s="92">
        <v>8.6132162648890495E-2</v>
      </c>
      <c r="R377" s="208">
        <v>1.0889847549284005E-2</v>
      </c>
      <c r="S377" s="92">
        <v>4.4580133978259169E-2</v>
      </c>
      <c r="T377" s="204">
        <v>69</v>
      </c>
      <c r="U377" s="208">
        <v>0.76297844768766188</v>
      </c>
      <c r="V377" s="92">
        <v>0.10155331049623138</v>
      </c>
      <c r="W377" s="208">
        <v>0.10739845754039352</v>
      </c>
      <c r="X377" s="92">
        <v>7.8441273106114609E-2</v>
      </c>
      <c r="Y377" s="208">
        <v>9.8902269525125097E-2</v>
      </c>
      <c r="Z377" s="92">
        <v>7.6308026828871584E-2</v>
      </c>
      <c r="AA377" s="208">
        <v>3.0720825246819315E-2</v>
      </c>
      <c r="AB377" s="92">
        <v>5.4016674912035344E-2</v>
      </c>
      <c r="AC377" s="204">
        <v>68</v>
      </c>
      <c r="AD377" s="208">
        <v>0.76228233786620547</v>
      </c>
      <c r="AE377" s="92">
        <v>0.10237165745069908</v>
      </c>
      <c r="AF377" s="208">
        <v>9.148036509234718E-2</v>
      </c>
      <c r="AG377" s="92">
        <v>7.4959160785070686E-2</v>
      </c>
      <c r="AH377" s="208">
        <v>0.13516057478506757</v>
      </c>
      <c r="AI377" s="92">
        <v>8.5398127578348443E-2</v>
      </c>
      <c r="AJ377" s="208">
        <v>1.1076722256379517E-2</v>
      </c>
      <c r="AK377" s="92">
        <v>4.5201337107935918E-2</v>
      </c>
      <c r="AL377" s="204">
        <v>68</v>
      </c>
      <c r="AM377" s="208">
        <v>0.72059045282741574</v>
      </c>
      <c r="AN377" s="92">
        <v>0.10713344471509915</v>
      </c>
      <c r="AO377" s="208">
        <v>3.4846546514171337E-2</v>
      </c>
      <c r="AP377" s="92">
        <v>5.6275770657007403E-2</v>
      </c>
      <c r="AQ377" s="208">
        <v>0.18988999285589869</v>
      </c>
      <c r="AR377" s="92">
        <v>9.551623636798591E-2</v>
      </c>
      <c r="AS377" s="208">
        <v>5.4673007802513905E-2</v>
      </c>
      <c r="AT377" s="92">
        <v>6.3729859019977103E-2</v>
      </c>
    </row>
    <row r="380" spans="1:46" ht="18.75">
      <c r="A380" s="336" t="s">
        <v>16</v>
      </c>
      <c r="B380" s="336"/>
      <c r="C380" s="336"/>
      <c r="D380" s="336"/>
    </row>
    <row r="381" spans="1:46" ht="114.75" customHeight="1">
      <c r="A381" s="414" t="s">
        <v>431</v>
      </c>
      <c r="B381" s="414"/>
      <c r="C381" s="414"/>
      <c r="D381" s="414"/>
    </row>
    <row r="382" spans="1:46" ht="38.25" customHeight="1">
      <c r="A382" s="402" t="s">
        <v>147</v>
      </c>
      <c r="B382" s="402"/>
      <c r="C382" s="402"/>
      <c r="D382" s="402"/>
    </row>
    <row r="383" spans="1:46" ht="40.5" customHeight="1">
      <c r="A383" s="32" t="s">
        <v>71</v>
      </c>
      <c r="B383" s="33" t="s">
        <v>72</v>
      </c>
      <c r="C383" s="34" t="s">
        <v>589</v>
      </c>
      <c r="D383" s="35" t="s">
        <v>73</v>
      </c>
    </row>
    <row r="384" spans="1:46" ht="72">
      <c r="A384" s="36"/>
      <c r="B384" s="37" t="s">
        <v>74</v>
      </c>
      <c r="C384" s="123" t="s">
        <v>148</v>
      </c>
      <c r="D384" s="39" t="s">
        <v>76</v>
      </c>
    </row>
    <row r="385" spans="1:4">
      <c r="A385" s="40" t="s">
        <v>349</v>
      </c>
      <c r="B385" s="209">
        <v>13959</v>
      </c>
      <c r="C385" s="79">
        <v>5.6012533169521053</v>
      </c>
      <c r="D385" s="80">
        <v>1.9371258520782125E-2</v>
      </c>
    </row>
    <row r="386" spans="1:4">
      <c r="A386" s="44" t="s">
        <v>350</v>
      </c>
      <c r="B386" s="44">
        <v>10157</v>
      </c>
      <c r="C386" s="211">
        <v>5.7669028938476252</v>
      </c>
      <c r="D386" s="212">
        <v>2.1718988611070283E-2</v>
      </c>
    </row>
    <row r="387" spans="1:4">
      <c r="A387" s="40" t="s">
        <v>351</v>
      </c>
      <c r="B387" s="48">
        <v>3802</v>
      </c>
      <c r="C387" s="79">
        <v>5.4704374696305491</v>
      </c>
      <c r="D387" s="80">
        <v>4.0200710211838943E-2</v>
      </c>
    </row>
    <row r="388" spans="1:4">
      <c r="A388" s="44" t="s">
        <v>533</v>
      </c>
      <c r="B388" s="44">
        <v>3214</v>
      </c>
      <c r="C388" s="211">
        <v>5.6580042407177551</v>
      </c>
      <c r="D388" s="212">
        <v>3.802238755310245E-2</v>
      </c>
    </row>
    <row r="389" spans="1:4">
      <c r="A389" s="40" t="s">
        <v>534</v>
      </c>
      <c r="B389" s="48">
        <v>2509</v>
      </c>
      <c r="C389" s="79">
        <v>5.9743262712533642</v>
      </c>
      <c r="D389" s="80">
        <v>4.0901575878558333E-2</v>
      </c>
    </row>
    <row r="390" spans="1:4">
      <c r="A390" s="44" t="s">
        <v>535</v>
      </c>
      <c r="B390" s="44">
        <v>488</v>
      </c>
      <c r="C390" s="211">
        <v>6.0142374034870913</v>
      </c>
      <c r="D390" s="212">
        <v>8.9626245035472438E-2</v>
      </c>
    </row>
    <row r="391" spans="1:4">
      <c r="A391" s="40" t="s">
        <v>536</v>
      </c>
      <c r="B391" s="48">
        <v>89</v>
      </c>
      <c r="C391" s="79">
        <v>6.1037907342674487</v>
      </c>
      <c r="D391" s="80">
        <v>0.20533143684198871</v>
      </c>
    </row>
    <row r="392" spans="1:4">
      <c r="A392" s="44" t="s">
        <v>537</v>
      </c>
      <c r="B392" s="44">
        <v>138</v>
      </c>
      <c r="C392" s="211">
        <v>6.0755062402948274</v>
      </c>
      <c r="D392" s="212">
        <v>0.15738164537608715</v>
      </c>
    </row>
    <row r="393" spans="1:4">
      <c r="A393" s="40" t="s">
        <v>538</v>
      </c>
      <c r="B393" s="48">
        <v>106</v>
      </c>
      <c r="C393" s="79">
        <v>6.0907930966558439</v>
      </c>
      <c r="D393" s="80">
        <v>0.1628761054103556</v>
      </c>
    </row>
    <row r="394" spans="1:4">
      <c r="A394" s="44" t="s">
        <v>539</v>
      </c>
      <c r="B394" s="44">
        <v>155</v>
      </c>
      <c r="C394" s="211">
        <v>5.9055017638280258</v>
      </c>
      <c r="D394" s="212">
        <v>0.18305367340636772</v>
      </c>
    </row>
    <row r="395" spans="1:4">
      <c r="A395" s="40" t="s">
        <v>540</v>
      </c>
      <c r="B395" s="209">
        <v>341</v>
      </c>
      <c r="C395" s="79">
        <v>5.8720633619542575</v>
      </c>
      <c r="D395" s="80">
        <v>0.11739431088181677</v>
      </c>
    </row>
    <row r="396" spans="1:4">
      <c r="A396" s="44" t="s">
        <v>541</v>
      </c>
      <c r="B396" s="210">
        <v>113</v>
      </c>
      <c r="C396" s="211">
        <v>5.9043229716214212</v>
      </c>
      <c r="D396" s="212">
        <v>0.15808022066789371</v>
      </c>
    </row>
    <row r="397" spans="1:4">
      <c r="A397" s="40" t="s">
        <v>542</v>
      </c>
      <c r="B397" s="78">
        <v>95</v>
      </c>
      <c r="C397" s="79">
        <v>5.92017666486396</v>
      </c>
      <c r="D397" s="80">
        <v>0.24212939815108955</v>
      </c>
    </row>
    <row r="398" spans="1:4">
      <c r="A398" s="44" t="s">
        <v>543</v>
      </c>
      <c r="B398" s="210">
        <v>77</v>
      </c>
      <c r="C398" s="211">
        <v>5.9444134875138639</v>
      </c>
      <c r="D398" s="212">
        <v>0.24826720542053679</v>
      </c>
    </row>
    <row r="399" spans="1:4">
      <c r="A399" s="52" t="s">
        <v>544</v>
      </c>
      <c r="B399" s="209">
        <v>56</v>
      </c>
      <c r="C399" s="79">
        <v>5.5362613022956468</v>
      </c>
      <c r="D399" s="80">
        <v>0.34650999883542932</v>
      </c>
    </row>
    <row r="400" spans="1:4">
      <c r="A400" s="44" t="s">
        <v>545</v>
      </c>
      <c r="B400" s="210">
        <v>637</v>
      </c>
      <c r="C400" s="211">
        <v>5.8784077123852221</v>
      </c>
      <c r="D400" s="212">
        <v>8.3881272028807796E-2</v>
      </c>
    </row>
    <row r="401" spans="1:38">
      <c r="A401" s="52" t="s">
        <v>546</v>
      </c>
      <c r="B401" s="209">
        <v>67</v>
      </c>
      <c r="C401" s="79">
        <v>5.2635923731916989</v>
      </c>
      <c r="D401" s="80">
        <v>0.29014512637751755</v>
      </c>
    </row>
    <row r="402" spans="1:38">
      <c r="A402" s="44" t="s">
        <v>547</v>
      </c>
      <c r="B402" s="210">
        <v>147</v>
      </c>
      <c r="C402" s="211">
        <v>5.7708271714771886</v>
      </c>
      <c r="D402" s="212">
        <v>0.16990004124449898</v>
      </c>
    </row>
    <row r="403" spans="1:38">
      <c r="A403" s="52" t="s">
        <v>548</v>
      </c>
      <c r="B403" s="209">
        <v>162</v>
      </c>
      <c r="C403" s="79">
        <v>6.2424203648966348</v>
      </c>
      <c r="D403" s="80">
        <v>0.12174510911027918</v>
      </c>
    </row>
    <row r="404" spans="1:38">
      <c r="A404" s="44" t="s">
        <v>549</v>
      </c>
      <c r="B404" s="210">
        <v>72</v>
      </c>
      <c r="C404" s="211">
        <v>5.1896512994927759</v>
      </c>
      <c r="D404" s="212">
        <v>0.25520297261511776</v>
      </c>
    </row>
    <row r="405" spans="1:38">
      <c r="A405" s="52" t="s">
        <v>550</v>
      </c>
      <c r="B405" s="209">
        <v>120</v>
      </c>
      <c r="C405" s="79">
        <v>6.0460872336076852</v>
      </c>
      <c r="D405" s="80">
        <v>0.17464473379648976</v>
      </c>
    </row>
    <row r="406" spans="1:38">
      <c r="A406" s="44" t="s">
        <v>551</v>
      </c>
      <c r="B406" s="210">
        <v>69</v>
      </c>
      <c r="C406" s="211">
        <v>5.6674649416946163</v>
      </c>
      <c r="D406" s="212">
        <v>0.2811092570791679</v>
      </c>
    </row>
    <row r="407" spans="1:38">
      <c r="P407" s="242"/>
      <c r="Q407" s="242"/>
      <c r="R407" s="242"/>
      <c r="S407" s="242"/>
      <c r="T407" s="242"/>
      <c r="U407" s="242"/>
      <c r="V407" s="242"/>
      <c r="W407" s="242"/>
      <c r="X407" s="242"/>
      <c r="Y407" s="242"/>
      <c r="Z407" s="242"/>
      <c r="AA407" s="242"/>
      <c r="AB407" s="242"/>
      <c r="AC407" s="242"/>
      <c r="AD407" s="242"/>
      <c r="AE407" s="242"/>
      <c r="AF407" s="242"/>
      <c r="AG407" s="242"/>
      <c r="AH407" s="242"/>
    </row>
    <row r="408" spans="1:38">
      <c r="P408" s="242"/>
      <c r="Q408" s="242"/>
      <c r="R408" s="242"/>
      <c r="S408" s="242"/>
      <c r="T408" s="242"/>
      <c r="U408" s="242"/>
      <c r="V408" s="242"/>
      <c r="W408" s="242"/>
      <c r="X408" s="242"/>
      <c r="Y408" s="242"/>
      <c r="Z408" s="242"/>
      <c r="AA408" s="242"/>
      <c r="AB408" s="242"/>
      <c r="AC408" s="242"/>
      <c r="AD408" s="242"/>
      <c r="AE408" s="242"/>
      <c r="AF408" s="242"/>
      <c r="AG408" s="242"/>
      <c r="AH408" s="242"/>
    </row>
    <row r="409" spans="1:38" ht="18.75">
      <c r="A409" s="336" t="s">
        <v>51</v>
      </c>
      <c r="B409" s="336"/>
      <c r="C409" s="336"/>
      <c r="D409" s="336"/>
      <c r="E409" s="336"/>
      <c r="F409" s="336"/>
      <c r="G409" s="336"/>
      <c r="H409" s="336"/>
      <c r="I409" s="336"/>
      <c r="J409" s="336"/>
      <c r="K409" s="336"/>
      <c r="L409" s="336"/>
      <c r="M409" s="336"/>
      <c r="N409" s="336"/>
      <c r="O409" s="336"/>
      <c r="P409" s="336"/>
      <c r="Q409" s="336"/>
      <c r="R409" s="336"/>
      <c r="S409" s="336"/>
      <c r="T409" s="336"/>
      <c r="U409" s="336"/>
      <c r="V409" s="336"/>
      <c r="W409" s="336"/>
      <c r="X409" s="336"/>
      <c r="Y409" s="336"/>
      <c r="Z409" s="336"/>
      <c r="AA409" s="336"/>
      <c r="AB409" s="336"/>
      <c r="AC409" s="242"/>
      <c r="AD409" s="242"/>
      <c r="AE409" s="242"/>
      <c r="AF409" s="242"/>
      <c r="AG409" s="242"/>
      <c r="AH409" s="242"/>
    </row>
    <row r="410" spans="1:38" ht="63" customHeight="1">
      <c r="A410" s="415" t="s">
        <v>596</v>
      </c>
      <c r="B410" s="415"/>
      <c r="C410" s="415"/>
      <c r="D410" s="415"/>
      <c r="E410" s="415"/>
      <c r="F410" s="415"/>
      <c r="G410" s="415"/>
      <c r="H410" s="415"/>
      <c r="I410" s="415"/>
      <c r="J410" s="415"/>
      <c r="K410" s="415"/>
      <c r="L410" s="415"/>
      <c r="M410" s="415"/>
      <c r="N410" s="415"/>
      <c r="O410" s="415"/>
      <c r="P410" s="415"/>
      <c r="Q410" s="415"/>
      <c r="R410" s="415"/>
      <c r="S410" s="415"/>
      <c r="T410" s="415"/>
      <c r="U410" s="415"/>
      <c r="V410" s="415"/>
      <c r="W410" s="415"/>
      <c r="X410" s="415"/>
      <c r="Y410" s="415"/>
      <c r="Z410" s="415"/>
      <c r="AA410" s="415"/>
      <c r="AB410" s="415"/>
      <c r="AC410" s="242"/>
      <c r="AD410" s="242"/>
      <c r="AE410" s="242"/>
      <c r="AF410" s="242"/>
      <c r="AG410" s="242"/>
      <c r="AH410" s="242"/>
    </row>
    <row r="411" spans="1:38" ht="35.25" customHeight="1">
      <c r="A411" s="59"/>
      <c r="B411" s="398" t="s">
        <v>432</v>
      </c>
      <c r="C411" s="399"/>
      <c r="D411" s="399"/>
      <c r="E411" s="399"/>
      <c r="F411" s="399"/>
      <c r="G411" s="399"/>
      <c r="H411" s="399"/>
      <c r="I411" s="399"/>
      <c r="J411" s="400"/>
      <c r="K411" s="398" t="s">
        <v>433</v>
      </c>
      <c r="L411" s="399"/>
      <c r="M411" s="399"/>
      <c r="N411" s="399"/>
      <c r="O411" s="399"/>
      <c r="P411" s="399"/>
      <c r="Q411" s="399"/>
      <c r="R411" s="399"/>
      <c r="S411" s="400"/>
      <c r="T411" s="398" t="s">
        <v>434</v>
      </c>
      <c r="U411" s="399"/>
      <c r="V411" s="399"/>
      <c r="W411" s="399"/>
      <c r="X411" s="399"/>
      <c r="Y411" s="399"/>
      <c r="Z411" s="399"/>
      <c r="AA411" s="399"/>
      <c r="AB411" s="400"/>
      <c r="AC411" s="242"/>
      <c r="AD411" s="242"/>
      <c r="AE411" s="242"/>
      <c r="AF411" s="242"/>
      <c r="AG411" s="242"/>
      <c r="AH411" s="242"/>
      <c r="AI411" s="242"/>
      <c r="AJ411" s="242"/>
      <c r="AK411" s="242"/>
      <c r="AL411" s="242"/>
    </row>
    <row r="412" spans="1:38" ht="59.25" customHeight="1">
      <c r="A412" s="32" t="s">
        <v>71</v>
      </c>
      <c r="B412" s="33" t="s">
        <v>72</v>
      </c>
      <c r="C412" s="33" t="s">
        <v>469</v>
      </c>
      <c r="D412" s="84" t="s">
        <v>470</v>
      </c>
      <c r="E412" s="33" t="s">
        <v>471</v>
      </c>
      <c r="F412" s="84" t="s">
        <v>472</v>
      </c>
      <c r="G412" s="33" t="s">
        <v>473</v>
      </c>
      <c r="H412" s="84" t="s">
        <v>474</v>
      </c>
      <c r="I412" s="33" t="s">
        <v>301</v>
      </c>
      <c r="J412" s="84" t="s">
        <v>315</v>
      </c>
      <c r="K412" s="60" t="s">
        <v>72</v>
      </c>
      <c r="L412" s="60" t="s">
        <v>469</v>
      </c>
      <c r="M412" s="83" t="s">
        <v>470</v>
      </c>
      <c r="N412" s="60" t="s">
        <v>471</v>
      </c>
      <c r="O412" s="83" t="s">
        <v>472</v>
      </c>
      <c r="P412" s="60" t="s">
        <v>473</v>
      </c>
      <c r="Q412" s="83" t="s">
        <v>474</v>
      </c>
      <c r="R412" s="60" t="s">
        <v>301</v>
      </c>
      <c r="S412" s="83" t="s">
        <v>315</v>
      </c>
      <c r="T412" s="33" t="s">
        <v>72</v>
      </c>
      <c r="U412" s="33" t="s">
        <v>469</v>
      </c>
      <c r="V412" s="84" t="s">
        <v>470</v>
      </c>
      <c r="W412" s="33" t="s">
        <v>471</v>
      </c>
      <c r="X412" s="84" t="s">
        <v>472</v>
      </c>
      <c r="Y412" s="33" t="s">
        <v>473</v>
      </c>
      <c r="Z412" s="84" t="s">
        <v>474</v>
      </c>
      <c r="AA412" s="33" t="s">
        <v>301</v>
      </c>
      <c r="AB412" s="84" t="s">
        <v>315</v>
      </c>
      <c r="AC412" s="242"/>
      <c r="AD412" s="242"/>
      <c r="AE412" s="242"/>
      <c r="AF412" s="242"/>
      <c r="AG412" s="242"/>
      <c r="AH412" s="242"/>
      <c r="AI412" s="242"/>
      <c r="AJ412" s="242"/>
      <c r="AK412" s="242"/>
      <c r="AL412" s="242"/>
    </row>
    <row r="413" spans="1:38" ht="72">
      <c r="A413" s="36"/>
      <c r="B413" s="37" t="s">
        <v>74</v>
      </c>
      <c r="C413" s="37" t="s">
        <v>159</v>
      </c>
      <c r="D413" s="86" t="s">
        <v>88</v>
      </c>
      <c r="E413" s="37" t="s">
        <v>160</v>
      </c>
      <c r="F413" s="86" t="s">
        <v>88</v>
      </c>
      <c r="G413" s="37" t="s">
        <v>161</v>
      </c>
      <c r="H413" s="86" t="s">
        <v>88</v>
      </c>
      <c r="I413" s="37" t="s">
        <v>301</v>
      </c>
      <c r="J413" s="86" t="s">
        <v>88</v>
      </c>
      <c r="K413" s="63" t="s">
        <v>74</v>
      </c>
      <c r="L413" s="63" t="s">
        <v>159</v>
      </c>
      <c r="M413" s="85" t="s">
        <v>88</v>
      </c>
      <c r="N413" s="63" t="s">
        <v>160</v>
      </c>
      <c r="O413" s="85" t="s">
        <v>88</v>
      </c>
      <c r="P413" s="63" t="s">
        <v>161</v>
      </c>
      <c r="Q413" s="255" t="s">
        <v>88</v>
      </c>
      <c r="R413" s="63" t="s">
        <v>301</v>
      </c>
      <c r="S413" s="85" t="s">
        <v>88</v>
      </c>
      <c r="T413" s="37" t="s">
        <v>74</v>
      </c>
      <c r="U413" s="37" t="s">
        <v>159</v>
      </c>
      <c r="V413" s="86" t="s">
        <v>88</v>
      </c>
      <c r="W413" s="37" t="s">
        <v>160</v>
      </c>
      <c r="X413" s="86" t="s">
        <v>88</v>
      </c>
      <c r="Y413" s="37" t="s">
        <v>161</v>
      </c>
      <c r="Z413" s="86" t="s">
        <v>88</v>
      </c>
      <c r="AA413" s="37" t="s">
        <v>301</v>
      </c>
      <c r="AB413" s="86" t="s">
        <v>88</v>
      </c>
    </row>
    <row r="414" spans="1:38">
      <c r="A414" s="40" t="s">
        <v>349</v>
      </c>
      <c r="B414" s="209">
        <v>13997</v>
      </c>
      <c r="C414" s="213">
        <v>6.9488905960501821E-2</v>
      </c>
      <c r="D414" s="89">
        <v>4.3015431734890405E-3</v>
      </c>
      <c r="E414" s="213">
        <v>9.03302013597507E-2</v>
      </c>
      <c r="F414" s="89">
        <v>4.8479940551183825E-3</v>
      </c>
      <c r="G414" s="213">
        <v>0.83164784616154475</v>
      </c>
      <c r="H414" s="89">
        <v>6.3259677926820529E-3</v>
      </c>
      <c r="I414" s="213">
        <v>8.5330465182073927E-3</v>
      </c>
      <c r="J414" s="89">
        <v>1.567310040528438E-3</v>
      </c>
      <c r="K414" s="209">
        <v>13984</v>
      </c>
      <c r="L414" s="215">
        <v>0.12446767803727543</v>
      </c>
      <c r="M414" s="89">
        <v>5.5844087823388308E-3</v>
      </c>
      <c r="N414" s="213">
        <v>0.1510313263365608</v>
      </c>
      <c r="O414" s="89">
        <v>6.0568865231893816E-3</v>
      </c>
      <c r="P414" s="213">
        <v>0.71476908749387102</v>
      </c>
      <c r="Q414" s="256">
        <v>7.635921449937598E-3</v>
      </c>
      <c r="R414" s="213">
        <v>9.7319081323008864E-3</v>
      </c>
      <c r="S414" s="89">
        <v>1.6718707998115148E-3</v>
      </c>
      <c r="T414" s="209">
        <v>13984</v>
      </c>
      <c r="U414" s="213">
        <v>7.0603419523601108E-2</v>
      </c>
      <c r="V414" s="89">
        <v>4.3352507258003267E-3</v>
      </c>
      <c r="W414" s="213">
        <v>9.140734923529395E-2</v>
      </c>
      <c r="X414" s="89">
        <v>4.8761472847168707E-3</v>
      </c>
      <c r="Y414" s="213">
        <v>0.82779566732645504</v>
      </c>
      <c r="Z414" s="89">
        <v>6.3860067472446937E-3</v>
      </c>
      <c r="AA414" s="213">
        <v>1.0193563914653698E-2</v>
      </c>
      <c r="AB414" s="89">
        <v>1.7101059425639006E-3</v>
      </c>
    </row>
    <row r="415" spans="1:38">
      <c r="A415" s="44" t="s">
        <v>350</v>
      </c>
      <c r="B415" s="210">
        <v>10181</v>
      </c>
      <c r="C415" s="214">
        <v>5.5771260126623229E-2</v>
      </c>
      <c r="D415" s="92">
        <v>4.5544025107001592E-3</v>
      </c>
      <c r="E415" s="214">
        <v>6.769418318041226E-2</v>
      </c>
      <c r="F415" s="92">
        <v>4.9843524173121103E-3</v>
      </c>
      <c r="G415" s="214">
        <v>0.87028685890989887</v>
      </c>
      <c r="H415" s="92">
        <v>6.6616176792407278E-3</v>
      </c>
      <c r="I415" s="214">
        <v>6.2476977830547972E-3</v>
      </c>
      <c r="J415" s="92">
        <v>1.585416719608216E-3</v>
      </c>
      <c r="K415" s="210">
        <v>10165</v>
      </c>
      <c r="L415" s="214">
        <v>0.12134498611555503</v>
      </c>
      <c r="M415" s="92">
        <v>6.4794858685394844E-3</v>
      </c>
      <c r="N415" s="214">
        <v>0.1467456119577828</v>
      </c>
      <c r="O415" s="92">
        <v>7.0207394003520456E-3</v>
      </c>
      <c r="P415" s="214">
        <v>0.72367822063620413</v>
      </c>
      <c r="Q415" s="257">
        <v>8.8698017077062409E-3</v>
      </c>
      <c r="R415" s="214">
        <v>8.2311812904523936E-3</v>
      </c>
      <c r="S415" s="92">
        <v>1.8127123451858256E-3</v>
      </c>
      <c r="T415" s="210">
        <v>10167</v>
      </c>
      <c r="U415" s="214">
        <v>5.1967621136293746E-2</v>
      </c>
      <c r="V415" s="92">
        <v>4.4088042604215651E-3</v>
      </c>
      <c r="W415" s="214">
        <v>6.8821771804385493E-2</v>
      </c>
      <c r="X415" s="92">
        <v>5.0259982024442934E-3</v>
      </c>
      <c r="Y415" s="214">
        <v>0.87128348577884585</v>
      </c>
      <c r="Z415" s="92">
        <v>6.644385833423549E-3</v>
      </c>
      <c r="AA415" s="214">
        <v>7.9271212804651117E-3</v>
      </c>
      <c r="AB415" s="92">
        <v>1.7798063707391723E-3</v>
      </c>
    </row>
    <row r="416" spans="1:38">
      <c r="A416" s="40" t="s">
        <v>351</v>
      </c>
      <c r="B416" s="209">
        <v>3816</v>
      </c>
      <c r="C416" s="213">
        <v>8.0298884468340645E-2</v>
      </c>
      <c r="D416" s="89">
        <v>8.8157212594945945E-3</v>
      </c>
      <c r="E416" s="213">
        <v>0.10816816517547961</v>
      </c>
      <c r="F416" s="89">
        <v>1.0067269981012986E-2</v>
      </c>
      <c r="G416" s="213">
        <v>0.80119897013483554</v>
      </c>
      <c r="H416" s="89">
        <v>1.2922202661960154E-2</v>
      </c>
      <c r="I416" s="213">
        <v>1.0333980221343591E-2</v>
      </c>
      <c r="J416" s="89">
        <v>3.3518094175664925E-3</v>
      </c>
      <c r="K416" s="209">
        <v>3819</v>
      </c>
      <c r="L416" s="215">
        <v>0.12692672162460542</v>
      </c>
      <c r="M416" s="89">
        <v>1.0782001840017779E-2</v>
      </c>
      <c r="N416" s="213">
        <v>0.15440622169109808</v>
      </c>
      <c r="O416" s="89">
        <v>1.169920056663218E-2</v>
      </c>
      <c r="P416" s="213">
        <v>0.70775336283336154</v>
      </c>
      <c r="Q416" s="256">
        <v>1.4714256737517094E-2</v>
      </c>
      <c r="R416" s="213">
        <v>1.0913693850936122E-2</v>
      </c>
      <c r="S416" s="89">
        <v>3.4377060019035498E-3</v>
      </c>
      <c r="T416" s="209">
        <v>3817</v>
      </c>
      <c r="U416" s="213">
        <v>8.5248864245439815E-2</v>
      </c>
      <c r="V416" s="89">
        <v>9.0560186752224655E-3</v>
      </c>
      <c r="W416" s="213">
        <v>0.10915683433384854</v>
      </c>
      <c r="X416" s="89">
        <v>1.0106021668753832E-2</v>
      </c>
      <c r="Y416" s="213">
        <v>0.79361959244189906</v>
      </c>
      <c r="Z416" s="89">
        <v>1.3101497878337535E-2</v>
      </c>
      <c r="AA416" s="213">
        <v>1.1974708978813316E-2</v>
      </c>
      <c r="AB416" s="89">
        <v>3.5926742710500224E-3</v>
      </c>
    </row>
    <row r="417" spans="1:28">
      <c r="A417" s="44" t="s">
        <v>533</v>
      </c>
      <c r="B417" s="210">
        <v>3217</v>
      </c>
      <c r="C417" s="214">
        <v>6.4554731562860221E-2</v>
      </c>
      <c r="D417" s="92">
        <v>8.6934809965084105E-3</v>
      </c>
      <c r="E417" s="214">
        <v>8.4373035894525009E-2</v>
      </c>
      <c r="F417" s="92">
        <v>9.8219485128111326E-3</v>
      </c>
      <c r="G417" s="214">
        <v>0.84180460731674911</v>
      </c>
      <c r="H417" s="92">
        <v>1.2873882644661655E-2</v>
      </c>
      <c r="I417" s="214">
        <v>9.2676252258652118E-3</v>
      </c>
      <c r="J417" s="92">
        <v>3.484918579028579E-3</v>
      </c>
      <c r="K417" s="210">
        <v>3213</v>
      </c>
      <c r="L417" s="214">
        <v>0.10947026303794466</v>
      </c>
      <c r="M417" s="92">
        <v>1.103111475761827E-2</v>
      </c>
      <c r="N417" s="214">
        <v>0.13738229272183913</v>
      </c>
      <c r="O417" s="92">
        <v>1.2155616558256926E-2</v>
      </c>
      <c r="P417" s="214">
        <v>0.74205207631052172</v>
      </c>
      <c r="Q417" s="257">
        <v>1.5433086820564745E-2</v>
      </c>
      <c r="R417" s="214">
        <v>1.1095367929691872E-2</v>
      </c>
      <c r="S417" s="92">
        <v>3.7922917636570045E-3</v>
      </c>
      <c r="T417" s="210">
        <v>3212</v>
      </c>
      <c r="U417" s="214">
        <v>6.4963626076758041E-2</v>
      </c>
      <c r="V417" s="92">
        <v>8.7256304754109604E-3</v>
      </c>
      <c r="W417" s="214">
        <v>9.5309591931003496E-2</v>
      </c>
      <c r="X417" s="92">
        <v>1.0380378728107983E-2</v>
      </c>
      <c r="Y417" s="214">
        <v>0.83073085465489527</v>
      </c>
      <c r="Z417" s="92">
        <v>1.3237639937039896E-2</v>
      </c>
      <c r="AA417" s="214">
        <v>8.9959273373432132E-3</v>
      </c>
      <c r="AB417" s="92">
        <v>3.4400229955998157E-3</v>
      </c>
    </row>
    <row r="418" spans="1:28">
      <c r="A418" s="40" t="s">
        <v>534</v>
      </c>
      <c r="B418" s="209">
        <v>2510</v>
      </c>
      <c r="C418" s="213">
        <v>4.5778605642947487E-2</v>
      </c>
      <c r="D418" s="89">
        <v>8.3992404693327676E-3</v>
      </c>
      <c r="E418" s="213">
        <v>3.6413686995237476E-2</v>
      </c>
      <c r="F418" s="89">
        <v>7.5442028945007676E-3</v>
      </c>
      <c r="G418" s="213">
        <v>0.91621697582137773</v>
      </c>
      <c r="H418" s="89">
        <v>1.1091164888046892E-2</v>
      </c>
      <c r="I418" s="213">
        <v>1.5907315404408485E-3</v>
      </c>
      <c r="J418" s="89">
        <v>1.9451767038891328E-3</v>
      </c>
      <c r="K418" s="209">
        <v>2506</v>
      </c>
      <c r="L418" s="215">
        <v>9.9464641092632422E-2</v>
      </c>
      <c r="M418" s="89">
        <v>1.1981549226075907E-2</v>
      </c>
      <c r="N418" s="213">
        <v>0.12651792474100709</v>
      </c>
      <c r="O418" s="89">
        <v>1.3297417370081367E-2</v>
      </c>
      <c r="P418" s="213">
        <v>0.76950666971708348</v>
      </c>
      <c r="Q418" s="256">
        <v>1.6823313022412325E-2</v>
      </c>
      <c r="R418" s="213">
        <v>4.5107644492800121E-3</v>
      </c>
      <c r="S418" s="89">
        <v>2.8986312495551179E-3</v>
      </c>
      <c r="T418" s="209">
        <v>2505</v>
      </c>
      <c r="U418" s="213">
        <v>4.0893207906940336E-2</v>
      </c>
      <c r="V418" s="89">
        <v>7.9748999634656776E-3</v>
      </c>
      <c r="W418" s="213">
        <v>4.4768059007090147E-2</v>
      </c>
      <c r="X418" s="89">
        <v>8.3204195906334474E-3</v>
      </c>
      <c r="Y418" s="213">
        <v>0.91191038793602464</v>
      </c>
      <c r="Z418" s="89">
        <v>1.1354668389759005E-2</v>
      </c>
      <c r="AA418" s="213">
        <v>2.4283451499462409E-3</v>
      </c>
      <c r="AB418" s="89">
        <v>2.2626378905519708E-3</v>
      </c>
    </row>
    <row r="419" spans="1:28">
      <c r="A419" s="44" t="s">
        <v>535</v>
      </c>
      <c r="B419" s="210">
        <v>488</v>
      </c>
      <c r="C419" s="214">
        <v>4.2077552066744336E-2</v>
      </c>
      <c r="D419" s="92">
        <v>1.8849600092320808E-2</v>
      </c>
      <c r="E419" s="214">
        <v>1.8982719076333952E-2</v>
      </c>
      <c r="F419" s="92">
        <v>1.3485710474344504E-2</v>
      </c>
      <c r="G419" s="214">
        <v>0.93499338477094385</v>
      </c>
      <c r="H419" s="92">
        <v>2.2782996055144108E-2</v>
      </c>
      <c r="I419" s="214">
        <v>3.9463440859781465E-3</v>
      </c>
      <c r="J419" s="92">
        <v>8.0221397909040204E-3</v>
      </c>
      <c r="K419" s="210">
        <v>487</v>
      </c>
      <c r="L419" s="214">
        <v>7.055517242829068E-2</v>
      </c>
      <c r="M419" s="92">
        <v>2.3634996568745698E-2</v>
      </c>
      <c r="N419" s="214">
        <v>0.11504044148501835</v>
      </c>
      <c r="O419" s="92">
        <v>2.9137061729548185E-2</v>
      </c>
      <c r="P419" s="214">
        <v>0.81035136329726354</v>
      </c>
      <c r="Q419" s="257">
        <v>3.5562970104186097E-2</v>
      </c>
      <c r="R419" s="214">
        <v>4.0530227894282813E-3</v>
      </c>
      <c r="S419" s="92">
        <v>8.0870126127437526E-3</v>
      </c>
      <c r="T419" s="210">
        <v>488</v>
      </c>
      <c r="U419" s="214">
        <v>4.9052736662766813E-2</v>
      </c>
      <c r="V419" s="92">
        <v>2.0149781474278448E-2</v>
      </c>
      <c r="W419" s="214">
        <v>4.2219599974540924E-2</v>
      </c>
      <c r="X419" s="92">
        <v>1.8877176902418823E-2</v>
      </c>
      <c r="Y419" s="214">
        <v>0.90661348898718674</v>
      </c>
      <c r="Z419" s="92">
        <v>2.6647794427773389E-2</v>
      </c>
      <c r="AA419" s="214">
        <v>2.1141743755058841E-3</v>
      </c>
      <c r="AB419" s="92">
        <v>7.0561372953746359E-3</v>
      </c>
    </row>
    <row r="420" spans="1:28">
      <c r="A420" s="40" t="s">
        <v>536</v>
      </c>
      <c r="B420" s="209">
        <v>89</v>
      </c>
      <c r="C420" s="213">
        <v>2.4359643622513617E-2</v>
      </c>
      <c r="D420" s="89">
        <v>4.2909609207862527E-2</v>
      </c>
      <c r="E420" s="213">
        <v>1.7821341113525409E-2</v>
      </c>
      <c r="F420" s="89">
        <v>3.9931833588193529E-2</v>
      </c>
      <c r="G420" s="213">
        <v>0.95781901526396085</v>
      </c>
      <c r="H420" s="89">
        <v>4.9965134210872703E-2</v>
      </c>
      <c r="I420" s="213">
        <v>0</v>
      </c>
      <c r="J420" s="89">
        <v>3.0084393934100805E-2</v>
      </c>
      <c r="K420" s="209">
        <v>89</v>
      </c>
      <c r="L420" s="215">
        <v>8.195492206533965E-2</v>
      </c>
      <c r="M420" s="89">
        <v>6.2199222150862772E-2</v>
      </c>
      <c r="N420" s="213">
        <v>0.19267566368499761</v>
      </c>
      <c r="O420" s="89">
        <v>8.3858972909393786E-2</v>
      </c>
      <c r="P420" s="213">
        <v>0.72536941424966284</v>
      </c>
      <c r="Q420" s="256">
        <v>9.3552082499139391E-2</v>
      </c>
      <c r="R420" s="213">
        <v>0</v>
      </c>
      <c r="S420" s="89">
        <v>3.0084393934100805E-2</v>
      </c>
      <c r="T420" s="209">
        <v>89</v>
      </c>
      <c r="U420" s="213">
        <v>3.0357402200999872E-2</v>
      </c>
      <c r="V420" s="89">
        <v>4.5437450851229903E-2</v>
      </c>
      <c r="W420" s="213">
        <v>3.5958151000623072E-2</v>
      </c>
      <c r="X420" s="89">
        <v>4.7650265320101817E-2</v>
      </c>
      <c r="Y420" s="213">
        <v>0.93295684917936328</v>
      </c>
      <c r="Z420" s="89">
        <v>5.8042056310432973E-2</v>
      </c>
      <c r="AA420" s="213">
        <v>7.2759761901358645E-4</v>
      </c>
      <c r="AB420" s="89">
        <v>3.0556673854777203E-2</v>
      </c>
    </row>
    <row r="421" spans="1:28">
      <c r="A421" s="44" t="s">
        <v>537</v>
      </c>
      <c r="B421" s="210">
        <v>138</v>
      </c>
      <c r="C421" s="214">
        <v>3.19934597710229E-2</v>
      </c>
      <c r="D421" s="92">
        <v>3.4858185339359353E-2</v>
      </c>
      <c r="E421" s="214">
        <v>0</v>
      </c>
      <c r="F421" s="92">
        <v>1.9777732323927027E-2</v>
      </c>
      <c r="G421" s="214">
        <v>0.96727152989647935</v>
      </c>
      <c r="H421" s="92">
        <v>3.5119538354890519E-2</v>
      </c>
      <c r="I421" s="214">
        <v>7.3501033249767709E-4</v>
      </c>
      <c r="J421" s="92">
        <v>2.0265705435487096E-2</v>
      </c>
      <c r="K421" s="210">
        <v>137</v>
      </c>
      <c r="L421" s="214">
        <v>8.7106791467669809E-2</v>
      </c>
      <c r="M421" s="92">
        <v>5.0263043388979453E-2</v>
      </c>
      <c r="N421" s="214">
        <v>8.8715222156969545E-2</v>
      </c>
      <c r="O421" s="92">
        <v>5.0614984956226391E-2</v>
      </c>
      <c r="P421" s="214">
        <v>0.82300306578392746</v>
      </c>
      <c r="Q421" s="257">
        <v>6.5559142997486566E-2</v>
      </c>
      <c r="R421" s="214">
        <v>1.1749205914328279E-3</v>
      </c>
      <c r="S421" s="92">
        <v>2.0690972305181087E-2</v>
      </c>
      <c r="T421" s="210">
        <v>137</v>
      </c>
      <c r="U421" s="214">
        <v>6.9341128882021333E-2</v>
      </c>
      <c r="V421" s="92">
        <v>4.6097838879162419E-2</v>
      </c>
      <c r="W421" s="214">
        <v>3.8281163093483173E-2</v>
      </c>
      <c r="X421" s="92">
        <v>3.7184496738947283E-2</v>
      </c>
      <c r="Y421" s="214">
        <v>0.89237770802449534</v>
      </c>
      <c r="Z421" s="92">
        <v>5.4486946324699442E-2</v>
      </c>
      <c r="AA421" s="214">
        <v>0</v>
      </c>
      <c r="AB421" s="92">
        <v>1.991699088628197E-2</v>
      </c>
    </row>
    <row r="422" spans="1:28">
      <c r="A422" s="40" t="s">
        <v>538</v>
      </c>
      <c r="B422" s="209">
        <v>106</v>
      </c>
      <c r="C422" s="213">
        <v>2.4932363910071656E-2</v>
      </c>
      <c r="D422" s="89">
        <v>3.8341088021185674E-2</v>
      </c>
      <c r="E422" s="213">
        <v>0</v>
      </c>
      <c r="F422" s="89">
        <v>2.5478147263468021E-2</v>
      </c>
      <c r="G422" s="213">
        <v>0.95581481687914305</v>
      </c>
      <c r="H422" s="89">
        <v>4.5554545638871714E-2</v>
      </c>
      <c r="I422" s="213">
        <v>1.9252819210785158E-2</v>
      </c>
      <c r="J422" s="89">
        <v>3.587103608676892E-2</v>
      </c>
      <c r="K422" s="209">
        <v>107</v>
      </c>
      <c r="L422" s="215">
        <v>5.0641830550996476E-2</v>
      </c>
      <c r="M422" s="89">
        <v>4.7407762130725672E-2</v>
      </c>
      <c r="N422" s="213">
        <v>8.5015245074010384E-2</v>
      </c>
      <c r="O422" s="89">
        <v>5.694179724977614E-2</v>
      </c>
      <c r="P422" s="213">
        <v>0.84538148519410072</v>
      </c>
      <c r="Q422" s="256">
        <v>7.0813568791903092E-2</v>
      </c>
      <c r="R422" s="213">
        <v>1.8961439180892107E-2</v>
      </c>
      <c r="S422" s="89">
        <v>3.5503457875287817E-2</v>
      </c>
      <c r="T422" s="209">
        <v>108</v>
      </c>
      <c r="U422" s="213">
        <v>5.3289027430194931E-2</v>
      </c>
      <c r="V422" s="89">
        <v>4.7976333067966843E-2</v>
      </c>
      <c r="W422" s="213">
        <v>4.0523681766992767E-2</v>
      </c>
      <c r="X422" s="89">
        <v>4.3790133073380602E-2</v>
      </c>
      <c r="Y422" s="213">
        <v>0.89615920875279143</v>
      </c>
      <c r="Z422" s="89">
        <v>6.0964817541640924E-2</v>
      </c>
      <c r="AA422" s="213">
        <v>1.0028082050020693E-2</v>
      </c>
      <c r="AB422" s="89">
        <v>3.0920023005675833E-2</v>
      </c>
    </row>
    <row r="423" spans="1:28">
      <c r="A423" s="44" t="s">
        <v>539</v>
      </c>
      <c r="B423" s="210">
        <v>155</v>
      </c>
      <c r="C423" s="214">
        <v>6.3365551145744353E-2</v>
      </c>
      <c r="D423" s="92">
        <v>4.1609787591407876E-2</v>
      </c>
      <c r="E423" s="214">
        <v>3.9957868173918512E-2</v>
      </c>
      <c r="F423" s="92">
        <v>3.5065360313085575E-2</v>
      </c>
      <c r="G423" s="214">
        <v>0.89667658068033684</v>
      </c>
      <c r="H423" s="92">
        <v>5.0273516428781952E-2</v>
      </c>
      <c r="I423" s="214">
        <v>0</v>
      </c>
      <c r="J423" s="92">
        <v>1.7676616229639286E-2</v>
      </c>
      <c r="K423" s="210">
        <v>154</v>
      </c>
      <c r="L423" s="214">
        <v>6.5969671743284899E-2</v>
      </c>
      <c r="M423" s="92">
        <v>4.240709315334442E-2</v>
      </c>
      <c r="N423" s="214">
        <v>0.11496089078775831</v>
      </c>
      <c r="O423" s="92">
        <v>5.2568569424267533E-2</v>
      </c>
      <c r="P423" s="214">
        <v>0.81906943746895677</v>
      </c>
      <c r="Q423" s="257">
        <v>6.2294552203577075E-2</v>
      </c>
      <c r="R423" s="214">
        <v>0</v>
      </c>
      <c r="S423" s="92">
        <v>1.7787776428620949E-2</v>
      </c>
      <c r="T423" s="210">
        <v>154</v>
      </c>
      <c r="U423" s="214">
        <v>4.2254874349463067E-2</v>
      </c>
      <c r="V423" s="92">
        <v>3.5912781577122604E-2</v>
      </c>
      <c r="W423" s="214">
        <v>4.7891817523460584E-2</v>
      </c>
      <c r="X423" s="92">
        <v>3.759095103820758E-2</v>
      </c>
      <c r="Y423" s="214">
        <v>0.90985330812707643</v>
      </c>
      <c r="Z423" s="92">
        <v>4.7844131619205504E-2</v>
      </c>
      <c r="AA423" s="214">
        <v>0</v>
      </c>
      <c r="AB423" s="92">
        <v>1.7787776428620949E-2</v>
      </c>
    </row>
    <row r="424" spans="1:28">
      <c r="A424" s="40" t="s">
        <v>540</v>
      </c>
      <c r="B424" s="209">
        <v>341</v>
      </c>
      <c r="C424" s="213">
        <v>4.8386400057501888E-2</v>
      </c>
      <c r="D424" s="89">
        <v>2.425639070985668E-2</v>
      </c>
      <c r="E424" s="213">
        <v>3.5925237832960873E-2</v>
      </c>
      <c r="F424" s="89">
        <v>2.1427232963445716E-2</v>
      </c>
      <c r="G424" s="213">
        <v>0.91288462231390044</v>
      </c>
      <c r="H424" s="89">
        <v>3.1106434626235101E-2</v>
      </c>
      <c r="I424" s="213">
        <v>2.8037397956398274E-3</v>
      </c>
      <c r="J424" s="89">
        <v>9.9243035121219896E-3</v>
      </c>
      <c r="K424" s="209">
        <v>342</v>
      </c>
      <c r="L424" s="215">
        <v>0.12257708110113301</v>
      </c>
      <c r="M424" s="89">
        <v>3.5794290065946699E-2</v>
      </c>
      <c r="N424" s="213">
        <v>9.9793785239662688E-2</v>
      </c>
      <c r="O424" s="89">
        <v>3.2880378216169001E-2</v>
      </c>
      <c r="P424" s="213">
        <v>0.77467427382605636</v>
      </c>
      <c r="Q424" s="256">
        <v>4.5144389438460497E-2</v>
      </c>
      <c r="R424" s="213">
        <v>2.9548598331498809E-3</v>
      </c>
      <c r="S424" s="89">
        <v>9.985734458120267E-3</v>
      </c>
      <c r="T424" s="209">
        <v>340</v>
      </c>
      <c r="U424" s="213">
        <v>5.4424413660119367E-2</v>
      </c>
      <c r="V424" s="89">
        <v>2.5529897316962886E-2</v>
      </c>
      <c r="W424" s="213">
        <v>3.6653262090174096E-2</v>
      </c>
      <c r="X424" s="89">
        <v>2.1640177944502584E-2</v>
      </c>
      <c r="Y424" s="213">
        <v>0.90612201445984697</v>
      </c>
      <c r="Z424" s="89">
        <v>3.2147608065568267E-2</v>
      </c>
      <c r="AA424" s="213">
        <v>2.8003097898627633E-3</v>
      </c>
      <c r="AB424" s="89">
        <v>9.9464005030865492E-3</v>
      </c>
    </row>
    <row r="425" spans="1:28">
      <c r="A425" s="44" t="s">
        <v>541</v>
      </c>
      <c r="B425" s="210">
        <v>113</v>
      </c>
      <c r="C425" s="214">
        <v>4.8038053110450563E-2</v>
      </c>
      <c r="D425" s="92">
        <v>4.5086354393191481E-2</v>
      </c>
      <c r="E425" s="214">
        <v>3.2235732436428767E-3</v>
      </c>
      <c r="F425" s="92">
        <v>2.6017117566746753E-2</v>
      </c>
      <c r="G425" s="214">
        <v>0.94873837364590641</v>
      </c>
      <c r="H425" s="92">
        <v>4.6101758520639691E-2</v>
      </c>
      <c r="I425" s="214">
        <v>0</v>
      </c>
      <c r="J425" s="92">
        <v>2.3967079753657358E-2</v>
      </c>
      <c r="K425" s="210">
        <v>113</v>
      </c>
      <c r="L425" s="214">
        <v>5.8534077734523543E-2</v>
      </c>
      <c r="M425" s="92">
        <v>4.8289017699709801E-2</v>
      </c>
      <c r="N425" s="214">
        <v>0.13600230833894514</v>
      </c>
      <c r="O425" s="92">
        <v>6.5739776790343915E-2</v>
      </c>
      <c r="P425" s="214">
        <v>0.80546361392653121</v>
      </c>
      <c r="Q425" s="257">
        <v>7.4641698125521627E-2</v>
      </c>
      <c r="R425" s="214">
        <v>0</v>
      </c>
      <c r="S425" s="92">
        <v>2.3967079753657358E-2</v>
      </c>
      <c r="T425" s="210">
        <v>113</v>
      </c>
      <c r="U425" s="214">
        <v>1.4333031048519526E-2</v>
      </c>
      <c r="V425" s="92">
        <v>3.2014916482075925E-2</v>
      </c>
      <c r="W425" s="214">
        <v>6.9290744031674081E-2</v>
      </c>
      <c r="X425" s="92">
        <v>5.129341914316031E-2</v>
      </c>
      <c r="Y425" s="214">
        <v>0.91637622491980619</v>
      </c>
      <c r="Z425" s="92">
        <v>5.4938194729021755E-2</v>
      </c>
      <c r="AA425" s="214">
        <v>0</v>
      </c>
      <c r="AB425" s="92">
        <v>2.3967079753657358E-2</v>
      </c>
    </row>
    <row r="426" spans="1:28">
      <c r="A426" s="40" t="s">
        <v>542</v>
      </c>
      <c r="B426" s="209">
        <v>95</v>
      </c>
      <c r="C426" s="213">
        <v>7.3586226574811717E-2</v>
      </c>
      <c r="D426" s="89">
        <v>5.7758707318480075E-2</v>
      </c>
      <c r="E426" s="213">
        <v>5.5339163809250545E-2</v>
      </c>
      <c r="F426" s="89">
        <v>5.2389989529155995E-2</v>
      </c>
      <c r="G426" s="213">
        <v>0.87107460961593797</v>
      </c>
      <c r="H426" s="89">
        <v>7.0555036388701822E-2</v>
      </c>
      <c r="I426" s="213">
        <v>0</v>
      </c>
      <c r="J426" s="89">
        <v>2.8279912978147775E-2</v>
      </c>
      <c r="K426" s="209">
        <v>95</v>
      </c>
      <c r="L426" s="215">
        <v>0.10786449754343139</v>
      </c>
      <c r="M426" s="89">
        <v>6.6181445972578121E-2</v>
      </c>
      <c r="N426" s="213">
        <v>0.11703617523279013</v>
      </c>
      <c r="O426" s="89">
        <v>6.8150369632452051E-2</v>
      </c>
      <c r="P426" s="213">
        <v>0.77509932722377917</v>
      </c>
      <c r="Q426" s="256">
        <v>8.5354244744526631E-2</v>
      </c>
      <c r="R426" s="213">
        <v>0</v>
      </c>
      <c r="S426" s="89">
        <v>2.8279912978147775E-2</v>
      </c>
      <c r="T426" s="209">
        <v>95</v>
      </c>
      <c r="U426" s="213">
        <v>4.9748944085122995E-2</v>
      </c>
      <c r="V426" s="89">
        <v>5.0582441653679373E-2</v>
      </c>
      <c r="W426" s="213">
        <v>3.3224097982181677E-2</v>
      </c>
      <c r="X426" s="89">
        <v>4.4663055220768633E-2</v>
      </c>
      <c r="Y426" s="213">
        <v>0.9170269579326954</v>
      </c>
      <c r="Z426" s="89">
        <v>6.0254698944174422E-2</v>
      </c>
      <c r="AA426" s="213">
        <v>0</v>
      </c>
      <c r="AB426" s="89">
        <v>2.8279912978147775E-2</v>
      </c>
    </row>
    <row r="427" spans="1:28">
      <c r="A427" s="44" t="s">
        <v>543</v>
      </c>
      <c r="B427" s="210">
        <v>77</v>
      </c>
      <c r="C427" s="214">
        <v>3.8952285145094072E-2</v>
      </c>
      <c r="D427" s="92">
        <v>5.3476985268303176E-2</v>
      </c>
      <c r="E427" s="214">
        <v>0</v>
      </c>
      <c r="F427" s="92">
        <v>3.4485061975244265E-2</v>
      </c>
      <c r="G427" s="214">
        <v>0.96104771485490603</v>
      </c>
      <c r="H427" s="92">
        <v>5.3476985268303197E-2</v>
      </c>
      <c r="I427" s="214">
        <v>0</v>
      </c>
      <c r="J427" s="92">
        <v>3.4485061975244265E-2</v>
      </c>
      <c r="K427" s="210">
        <v>77</v>
      </c>
      <c r="L427" s="214">
        <v>0.14166034568549832</v>
      </c>
      <c r="M427" s="92">
        <v>8.1335080299928558E-2</v>
      </c>
      <c r="N427" s="214">
        <v>5.2260671054263484E-2</v>
      </c>
      <c r="O427" s="92">
        <v>5.830535693142741E-2</v>
      </c>
      <c r="P427" s="214">
        <v>0.8060789832602383</v>
      </c>
      <c r="Q427" s="257">
        <v>9.0360039006811471E-2</v>
      </c>
      <c r="R427" s="214">
        <v>0</v>
      </c>
      <c r="S427" s="92">
        <v>3.4485061975244265E-2</v>
      </c>
      <c r="T427" s="210">
        <v>75</v>
      </c>
      <c r="U427" s="214">
        <v>7.2714317823201022E-2</v>
      </c>
      <c r="V427" s="92">
        <v>6.5775719937003221E-2</v>
      </c>
      <c r="W427" s="214">
        <v>0</v>
      </c>
      <c r="X427" s="92">
        <v>3.5346768793784435E-2</v>
      </c>
      <c r="Y427" s="214">
        <v>0.92728568217679908</v>
      </c>
      <c r="Z427" s="92">
        <v>6.5775719937003166E-2</v>
      </c>
      <c r="AA427" s="214">
        <v>0</v>
      </c>
      <c r="AB427" s="92">
        <v>3.5346768793784435E-2</v>
      </c>
    </row>
    <row r="428" spans="1:28">
      <c r="A428" s="52" t="s">
        <v>544</v>
      </c>
      <c r="B428" s="209">
        <v>56</v>
      </c>
      <c r="C428" s="213">
        <v>3.4905737338396291E-3</v>
      </c>
      <c r="D428" s="89">
        <v>4.8478370487387186E-2</v>
      </c>
      <c r="E428" s="213">
        <v>0.13549102347774816</v>
      </c>
      <c r="F428" s="89">
        <v>9.4607349777599853E-2</v>
      </c>
      <c r="G428" s="213">
        <v>0.83890639028851099</v>
      </c>
      <c r="H428" s="89">
        <v>9.9982104902287885E-2</v>
      </c>
      <c r="I428" s="213">
        <v>2.2112012499900909E-2</v>
      </c>
      <c r="J428" s="89">
        <v>5.8342848735051231E-2</v>
      </c>
      <c r="K428" s="209">
        <v>57</v>
      </c>
      <c r="L428" s="215">
        <v>0.27588136801090474</v>
      </c>
      <c r="M428" s="89">
        <v>0.11626490059398413</v>
      </c>
      <c r="N428" s="213">
        <v>5.9137066765570429E-2</v>
      </c>
      <c r="O428" s="89">
        <v>7.2561559531749226E-2</v>
      </c>
      <c r="P428" s="213">
        <v>0.6422793039550746</v>
      </c>
      <c r="Q428" s="256">
        <v>0.12342766564271763</v>
      </c>
      <c r="R428" s="213">
        <v>2.2702261268450031E-2</v>
      </c>
      <c r="S428" s="89">
        <v>5.7877441167497774E-2</v>
      </c>
      <c r="T428" s="209">
        <v>57</v>
      </c>
      <c r="U428" s="213">
        <v>0.12791043507141053</v>
      </c>
      <c r="V428" s="89">
        <v>9.2012647246986212E-2</v>
      </c>
      <c r="W428" s="213">
        <v>3.4372711220575711E-2</v>
      </c>
      <c r="X428" s="89">
        <v>6.308615239848836E-2</v>
      </c>
      <c r="Y428" s="213">
        <v>0.8162585383540184</v>
      </c>
      <c r="Z428" s="89">
        <v>0.10327990550100671</v>
      </c>
      <c r="AA428" s="213">
        <v>2.1458315353995106E-2</v>
      </c>
      <c r="AB428" s="89">
        <v>5.7286300458492208E-2</v>
      </c>
    </row>
    <row r="429" spans="1:28">
      <c r="A429" s="44" t="s">
        <v>545</v>
      </c>
      <c r="B429" s="210">
        <v>636</v>
      </c>
      <c r="C429" s="214">
        <v>5.1897647184043751E-2</v>
      </c>
      <c r="D429" s="92">
        <v>1.7976787863196047E-2</v>
      </c>
      <c r="E429" s="214">
        <v>3.7241363431235894E-2</v>
      </c>
      <c r="F429" s="92">
        <v>1.551670443963849E-2</v>
      </c>
      <c r="G429" s="214">
        <v>0.9107231458614542</v>
      </c>
      <c r="H429" s="92">
        <v>2.2832074019561346E-2</v>
      </c>
      <c r="I429" s="214">
        <v>1.3784352326635423E-4</v>
      </c>
      <c r="J429" s="92">
        <v>4.5078691436957544E-3</v>
      </c>
      <c r="K429" s="210">
        <v>637</v>
      </c>
      <c r="L429" s="214">
        <v>8.8178236598746337E-2</v>
      </c>
      <c r="M429" s="92">
        <v>2.2691430511134078E-2</v>
      </c>
      <c r="N429" s="214">
        <v>0.13163252502638986</v>
      </c>
      <c r="O429" s="92">
        <v>2.6904077096125006E-2</v>
      </c>
      <c r="P429" s="214">
        <v>0.7731391874584943</v>
      </c>
      <c r="Q429" s="257">
        <v>3.3170780794979655E-2</v>
      </c>
      <c r="R429" s="214">
        <v>7.0500509163702327E-3</v>
      </c>
      <c r="S429" s="92">
        <v>7.9088576063632895E-3</v>
      </c>
      <c r="T429" s="210">
        <v>635</v>
      </c>
      <c r="U429" s="214">
        <v>5.5819478485595556E-2</v>
      </c>
      <c r="V429" s="92">
        <v>1.8582977545449311E-2</v>
      </c>
      <c r="W429" s="214">
        <v>6.7500666771338674E-2</v>
      </c>
      <c r="X429" s="92">
        <v>2.0214631133630555E-2</v>
      </c>
      <c r="Y429" s="214">
        <v>0.87291512827476903</v>
      </c>
      <c r="Z429" s="92">
        <v>2.6557275556141006E-2</v>
      </c>
      <c r="AA429" s="214">
        <v>3.7647264682973015E-3</v>
      </c>
      <c r="AB429" s="92">
        <v>6.5357278468510397E-3</v>
      </c>
    </row>
    <row r="430" spans="1:28">
      <c r="A430" s="52" t="s">
        <v>546</v>
      </c>
      <c r="B430" s="209">
        <v>67</v>
      </c>
      <c r="C430" s="213">
        <v>0.10097552752114483</v>
      </c>
      <c r="D430" s="89">
        <v>7.8080655302700808E-2</v>
      </c>
      <c r="E430" s="213">
        <v>0.10792881865040982</v>
      </c>
      <c r="F430" s="89">
        <v>7.9828276353022184E-2</v>
      </c>
      <c r="G430" s="213">
        <v>0.79109565382844582</v>
      </c>
      <c r="H430" s="89">
        <v>9.9163306266329312E-2</v>
      </c>
      <c r="I430" s="213">
        <v>0</v>
      </c>
      <c r="J430" s="89">
        <v>3.9271909274046654E-2</v>
      </c>
      <c r="K430" s="209">
        <v>67</v>
      </c>
      <c r="L430" s="215">
        <v>0.18453359255486057</v>
      </c>
      <c r="M430" s="89">
        <v>9.5350647021498258E-2</v>
      </c>
      <c r="N430" s="213">
        <v>0.25550985884732674</v>
      </c>
      <c r="O430" s="89">
        <v>0.10528836455793969</v>
      </c>
      <c r="P430" s="213">
        <v>0.55698698735852137</v>
      </c>
      <c r="Q430" s="256">
        <v>0.11798975680483917</v>
      </c>
      <c r="R430" s="213">
        <v>2.9695612392917851E-3</v>
      </c>
      <c r="S430" s="89">
        <v>4.1119582501748575E-2</v>
      </c>
      <c r="T430" s="209">
        <v>67</v>
      </c>
      <c r="U430" s="213">
        <v>0.10117449895282701</v>
      </c>
      <c r="V430" s="89">
        <v>7.8131638996770281E-2</v>
      </c>
      <c r="W430" s="213">
        <v>0.18038366228506036</v>
      </c>
      <c r="X430" s="89">
        <v>9.4654758445498671E-2</v>
      </c>
      <c r="Y430" s="213">
        <v>0.71844183876211287</v>
      </c>
      <c r="Z430" s="89">
        <v>0.10812310566254411</v>
      </c>
      <c r="AA430" s="213">
        <v>0</v>
      </c>
      <c r="AB430" s="89">
        <v>3.9271909274046654E-2</v>
      </c>
    </row>
    <row r="431" spans="1:28">
      <c r="A431" s="44" t="s">
        <v>547</v>
      </c>
      <c r="B431" s="210">
        <v>146</v>
      </c>
      <c r="C431" s="214">
        <v>3.370078786322582E-2</v>
      </c>
      <c r="D431" s="92">
        <v>3.425666078068481E-2</v>
      </c>
      <c r="E431" s="214">
        <v>1.3591922996314142E-2</v>
      </c>
      <c r="F431" s="92">
        <v>2.6258825786205021E-2</v>
      </c>
      <c r="G431" s="214">
        <v>0.95270728914046066</v>
      </c>
      <c r="H431" s="92">
        <v>3.858867304028149E-2</v>
      </c>
      <c r="I431" s="214">
        <v>0</v>
      </c>
      <c r="J431" s="92">
        <v>1.8730051116182648E-2</v>
      </c>
      <c r="K431" s="210">
        <v>147</v>
      </c>
      <c r="L431" s="214">
        <v>0.12337851199218107</v>
      </c>
      <c r="M431" s="92">
        <v>5.5330822057420535E-2</v>
      </c>
      <c r="N431" s="214">
        <v>0.12898355256147259</v>
      </c>
      <c r="O431" s="92">
        <v>5.6273477507282441E-2</v>
      </c>
      <c r="P431" s="214">
        <v>0.74763793544634749</v>
      </c>
      <c r="Q431" s="257">
        <v>7.1294817933367838E-2</v>
      </c>
      <c r="R431" s="214">
        <v>0</v>
      </c>
      <c r="S431" s="92">
        <v>1.8606843582156651E-2</v>
      </c>
      <c r="T431" s="210">
        <v>147</v>
      </c>
      <c r="U431" s="214">
        <v>5.5030974021964003E-2</v>
      </c>
      <c r="V431" s="92">
        <v>4.0641725444610456E-2</v>
      </c>
      <c r="W431" s="214">
        <v>8.9199594409540867E-2</v>
      </c>
      <c r="X431" s="92">
        <v>4.8845037519546997E-2</v>
      </c>
      <c r="Y431" s="214">
        <v>0.84764737440110349</v>
      </c>
      <c r="Z431" s="92">
        <v>5.9902703328112157E-2</v>
      </c>
      <c r="AA431" s="214">
        <v>8.122057167392966E-3</v>
      </c>
      <c r="AB431" s="92">
        <v>2.3419317340500189E-2</v>
      </c>
    </row>
    <row r="432" spans="1:28">
      <c r="A432" s="52" t="s">
        <v>548</v>
      </c>
      <c r="B432" s="209">
        <v>163</v>
      </c>
      <c r="C432" s="213">
        <v>8.1735672181128555E-3</v>
      </c>
      <c r="D432" s="89">
        <v>2.1642542538419112E-2</v>
      </c>
      <c r="E432" s="213">
        <v>4.4116286438609167E-2</v>
      </c>
      <c r="F432" s="89">
        <v>3.5294054155264196E-2</v>
      </c>
      <c r="G432" s="213">
        <v>0.9472363218135178</v>
      </c>
      <c r="H432" s="89">
        <v>3.7734252712105412E-2</v>
      </c>
      <c r="I432" s="213">
        <v>4.7382452976040484E-4</v>
      </c>
      <c r="J432" s="89">
        <v>1.7152927147034543E-2</v>
      </c>
      <c r="K432" s="209">
        <v>163</v>
      </c>
      <c r="L432" s="215">
        <v>4.58814241100126E-2</v>
      </c>
      <c r="M432" s="89">
        <v>3.5809538299865905E-2</v>
      </c>
      <c r="N432" s="213">
        <v>0.10128465504990093</v>
      </c>
      <c r="O432" s="89">
        <v>4.8584856892001309E-2</v>
      </c>
      <c r="P432" s="213">
        <v>0.83683765357196083</v>
      </c>
      <c r="Q432" s="256">
        <v>5.8301404279402863E-2</v>
      </c>
      <c r="R432" s="213">
        <v>1.5996267268125995E-2</v>
      </c>
      <c r="S432" s="89">
        <v>2.5349300472046272E-2</v>
      </c>
      <c r="T432" s="209">
        <v>163</v>
      </c>
      <c r="U432" s="213">
        <v>2.5964438080035134E-2</v>
      </c>
      <c r="V432" s="89">
        <v>2.9334293196150902E-2</v>
      </c>
      <c r="W432" s="213">
        <v>3.4467055697592952E-2</v>
      </c>
      <c r="X432" s="89">
        <v>3.2292297123762692E-2</v>
      </c>
      <c r="Y432" s="213">
        <v>0.93878545616651232</v>
      </c>
      <c r="Z432" s="89">
        <v>3.993407415513589E-2</v>
      </c>
      <c r="AA432" s="213">
        <v>7.830500558597581E-4</v>
      </c>
      <c r="AB432" s="89">
        <v>1.7357133479037955E-2</v>
      </c>
    </row>
    <row r="433" spans="1:28">
      <c r="A433" s="44" t="s">
        <v>549</v>
      </c>
      <c r="B433" s="210">
        <v>71</v>
      </c>
      <c r="C433" s="214">
        <v>0.14769905102467487</v>
      </c>
      <c r="D433" s="92">
        <v>8.6029463477348148E-2</v>
      </c>
      <c r="E433" s="214">
        <v>3.003728251129591E-2</v>
      </c>
      <c r="F433" s="92">
        <v>5.2695722632664289E-2</v>
      </c>
      <c r="G433" s="214">
        <v>0.82226366646402937</v>
      </c>
      <c r="H433" s="92">
        <v>9.1485071692084752E-2</v>
      </c>
      <c r="I433" s="214">
        <v>0</v>
      </c>
      <c r="J433" s="92">
        <v>3.7206132509255738E-2</v>
      </c>
      <c r="K433" s="210">
        <v>72</v>
      </c>
      <c r="L433" s="214">
        <v>0.14574375282920915</v>
      </c>
      <c r="M433" s="92">
        <v>8.5027900941516896E-2</v>
      </c>
      <c r="N433" s="214">
        <v>0.29793294614800575</v>
      </c>
      <c r="O433" s="92">
        <v>0.10596767385551774</v>
      </c>
      <c r="P433" s="214">
        <v>0.52836709510540814</v>
      </c>
      <c r="Q433" s="257">
        <v>0.11454205922103453</v>
      </c>
      <c r="R433" s="214">
        <v>2.7956205917376874E-2</v>
      </c>
      <c r="S433" s="92">
        <v>5.1305437830345947E-2</v>
      </c>
      <c r="T433" s="210">
        <v>71</v>
      </c>
      <c r="U433" s="214">
        <v>0.14734289864034963</v>
      </c>
      <c r="V433" s="92">
        <v>8.5959689903172987E-2</v>
      </c>
      <c r="W433" s="214">
        <v>7.5758296419139878E-2</v>
      </c>
      <c r="X433" s="92">
        <v>6.8781783136500574E-2</v>
      </c>
      <c r="Y433" s="214">
        <v>0.77689880494051056</v>
      </c>
      <c r="Z433" s="92">
        <v>9.8329353416398882E-2</v>
      </c>
      <c r="AA433" s="214">
        <v>0</v>
      </c>
      <c r="AB433" s="92">
        <v>3.7206132509255738E-2</v>
      </c>
    </row>
    <row r="434" spans="1:28">
      <c r="A434" s="52" t="s">
        <v>550</v>
      </c>
      <c r="B434" s="209">
        <v>120</v>
      </c>
      <c r="C434" s="213">
        <v>6.3692769835290347E-2</v>
      </c>
      <c r="D434" s="89">
        <v>4.8099178366489533E-2</v>
      </c>
      <c r="E434" s="213">
        <v>3.2565031072501659E-2</v>
      </c>
      <c r="F434" s="89">
        <v>3.8257897303671538E-2</v>
      </c>
      <c r="G434" s="213">
        <v>0.90374219909220788</v>
      </c>
      <c r="H434" s="89">
        <v>5.6035485157384934E-2</v>
      </c>
      <c r="I434" s="213">
        <v>0</v>
      </c>
      <c r="J434" s="89">
        <v>2.262519761202799E-2</v>
      </c>
      <c r="K434" s="209">
        <v>119</v>
      </c>
      <c r="L434" s="215">
        <v>4.1525827128223142E-2</v>
      </c>
      <c r="M434" s="89">
        <v>4.1614015896122007E-2</v>
      </c>
      <c r="N434" s="213">
        <v>6.4629980770599157E-2</v>
      </c>
      <c r="O434" s="89">
        <v>4.8583429352845396E-2</v>
      </c>
      <c r="P434" s="213">
        <v>0.89384419210117771</v>
      </c>
      <c r="Q434" s="256">
        <v>5.83823604900955E-2</v>
      </c>
      <c r="R434" s="213">
        <v>0</v>
      </c>
      <c r="S434" s="89">
        <v>2.2807622255924295E-2</v>
      </c>
      <c r="T434" s="209">
        <v>119</v>
      </c>
      <c r="U434" s="213">
        <v>4.738614557154449E-2</v>
      </c>
      <c r="V434" s="89">
        <v>4.352299741726319E-2</v>
      </c>
      <c r="W434" s="213">
        <v>3.3503453615344472E-2</v>
      </c>
      <c r="X434" s="89">
        <v>3.8805291578896554E-2</v>
      </c>
      <c r="Y434" s="213">
        <v>0.91063961576684505</v>
      </c>
      <c r="Z434" s="89">
        <v>5.4746792118958922E-2</v>
      </c>
      <c r="AA434" s="213">
        <v>8.4707850462658781E-3</v>
      </c>
      <c r="AB434" s="89">
        <v>2.7854094126399855E-2</v>
      </c>
    </row>
    <row r="435" spans="1:28">
      <c r="A435" s="44" t="s">
        <v>551</v>
      </c>
      <c r="B435" s="210">
        <v>69</v>
      </c>
      <c r="C435" s="214">
        <v>6.3375375870271908E-2</v>
      </c>
      <c r="D435" s="92">
        <v>6.6075390968509493E-2</v>
      </c>
      <c r="E435" s="214">
        <v>2.0829980515656068E-2</v>
      </c>
      <c r="F435" s="92">
        <v>4.9583908488287483E-2</v>
      </c>
      <c r="G435" s="214">
        <v>0.91579464361407203</v>
      </c>
      <c r="H435" s="92">
        <v>7.2354552734423538E-2</v>
      </c>
      <c r="I435" s="214">
        <v>0</v>
      </c>
      <c r="J435" s="92">
        <v>3.821112970151376E-2</v>
      </c>
      <c r="K435" s="210">
        <v>69</v>
      </c>
      <c r="L435" s="214">
        <v>0.13323259780286925</v>
      </c>
      <c r="M435" s="92">
        <v>8.4340966190907293E-2</v>
      </c>
      <c r="N435" s="214">
        <v>0.15686603847179861</v>
      </c>
      <c r="O435" s="92">
        <v>8.9077060222316568E-2</v>
      </c>
      <c r="P435" s="214">
        <v>0.70990136372533175</v>
      </c>
      <c r="Q435" s="257">
        <v>0.10743267330004061</v>
      </c>
      <c r="R435" s="214">
        <v>0</v>
      </c>
      <c r="S435" s="92">
        <v>3.821112970151376E-2</v>
      </c>
      <c r="T435" s="210">
        <v>68</v>
      </c>
      <c r="U435" s="214">
        <v>5.7620468854234594E-2</v>
      </c>
      <c r="V435" s="92">
        <v>6.4739110910919676E-2</v>
      </c>
      <c r="W435" s="214">
        <v>0.10460891074395985</v>
      </c>
      <c r="X435" s="92">
        <v>7.8370144149592202E-2</v>
      </c>
      <c r="Y435" s="214">
        <v>0.83777062040180539</v>
      </c>
      <c r="Z435" s="92">
        <v>9.0748564770482057E-2</v>
      </c>
      <c r="AA435" s="214">
        <v>0</v>
      </c>
      <c r="AB435" s="92">
        <v>3.8734260487688681E-2</v>
      </c>
    </row>
  </sheetData>
  <mergeCells count="59">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3:D3"/>
    <mergeCell ref="A4:D4"/>
    <mergeCell ref="A5:D5"/>
    <mergeCell ref="A32:BD32"/>
    <mergeCell ref="A149:AH149"/>
    <mergeCell ref="A148:AH148"/>
    <mergeCell ref="A119:D119"/>
    <mergeCell ref="A120:D120"/>
    <mergeCell ref="A121:D121"/>
    <mergeCell ref="M34:W34"/>
    <mergeCell ref="A33:BD33"/>
    <mergeCell ref="A90:W90"/>
    <mergeCell ref="M92:W92"/>
    <mergeCell ref="K411:S411"/>
    <mergeCell ref="B411:J411"/>
    <mergeCell ref="A380:D380"/>
    <mergeCell ref="T411:AB411"/>
    <mergeCell ref="A294:S294"/>
    <mergeCell ref="A381:D381"/>
    <mergeCell ref="A382:D382"/>
    <mergeCell ref="K353:S353"/>
    <mergeCell ref="T353:AB353"/>
    <mergeCell ref="A293:S293"/>
    <mergeCell ref="A266:D266"/>
    <mergeCell ref="B295:J295"/>
    <mergeCell ref="A324:D324"/>
    <mergeCell ref="A322:D322"/>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8"/>
  <sheetViews>
    <sheetView zoomScaleNormal="100" workbookViewId="0"/>
  </sheetViews>
  <sheetFormatPr defaultColWidth="21.28515625" defaultRowHeight="15"/>
  <cols>
    <col min="1" max="1" width="52.140625" customWidth="1"/>
  </cols>
  <sheetData>
    <row r="1" spans="1:4" ht="31.5">
      <c r="A1" s="30" t="s">
        <v>52</v>
      </c>
    </row>
    <row r="3" spans="1:4" ht="18.75">
      <c r="A3" s="419" t="s">
        <v>17</v>
      </c>
      <c r="B3" s="419"/>
      <c r="C3" s="419"/>
      <c r="D3" s="419"/>
    </row>
    <row r="4" spans="1:4" ht="176.25" customHeight="1">
      <c r="A4" s="414" t="s">
        <v>435</v>
      </c>
      <c r="B4" s="414"/>
      <c r="C4" s="414"/>
      <c r="D4" s="414"/>
    </row>
    <row r="5" spans="1:4" ht="36.75" customHeight="1">
      <c r="A5" s="402" t="s">
        <v>149</v>
      </c>
      <c r="B5" s="402"/>
      <c r="C5" s="402"/>
      <c r="D5" s="402"/>
    </row>
    <row r="6" spans="1:4" ht="72">
      <c r="A6" s="32" t="s">
        <v>71</v>
      </c>
      <c r="B6" s="33" t="s">
        <v>72</v>
      </c>
      <c r="C6" s="34" t="s">
        <v>588</v>
      </c>
      <c r="D6" s="35" t="s">
        <v>73</v>
      </c>
    </row>
    <row r="7" spans="1:4" ht="60">
      <c r="A7" s="36"/>
      <c r="B7" s="37" t="s">
        <v>74</v>
      </c>
      <c r="C7" s="123" t="s">
        <v>150</v>
      </c>
      <c r="D7" s="39" t="s">
        <v>76</v>
      </c>
    </row>
    <row r="8" spans="1:4">
      <c r="A8" s="40" t="s">
        <v>349</v>
      </c>
      <c r="B8" s="216">
        <v>4275</v>
      </c>
      <c r="C8" s="79">
        <v>4.2385792530181288</v>
      </c>
      <c r="D8" s="80">
        <v>4.3532973073410114E-2</v>
      </c>
    </row>
    <row r="9" spans="1:4">
      <c r="A9" s="44" t="s">
        <v>350</v>
      </c>
      <c r="B9" s="44">
        <v>3994</v>
      </c>
      <c r="C9" s="218">
        <v>4.055070682855435</v>
      </c>
      <c r="D9" s="219">
        <v>4.4276035278054293E-2</v>
      </c>
    </row>
    <row r="10" spans="1:4">
      <c r="A10" s="40" t="s">
        <v>351</v>
      </c>
      <c r="B10" s="48">
        <v>281</v>
      </c>
      <c r="C10" s="79">
        <v>4.8525911245161026</v>
      </c>
      <c r="D10" s="80">
        <v>0.19225820332976956</v>
      </c>
    </row>
    <row r="11" spans="1:4">
      <c r="A11" s="44" t="s">
        <v>533</v>
      </c>
      <c r="B11" s="44">
        <v>1257</v>
      </c>
      <c r="C11" s="218">
        <v>4.3175315270877839</v>
      </c>
      <c r="D11" s="219">
        <v>7.8519510259914285E-2</v>
      </c>
    </row>
    <row r="12" spans="1:4">
      <c r="A12" s="40" t="s">
        <v>534</v>
      </c>
      <c r="B12" s="48">
        <v>1190</v>
      </c>
      <c r="C12" s="79">
        <v>3.9187098040061144</v>
      </c>
      <c r="D12" s="80">
        <v>7.9418139784167757E-2</v>
      </c>
    </row>
    <row r="13" spans="1:4">
      <c r="A13" s="44" t="s">
        <v>535</v>
      </c>
      <c r="B13" s="44">
        <v>223</v>
      </c>
      <c r="C13" s="218">
        <v>4.1418286791712919</v>
      </c>
      <c r="D13" s="219">
        <v>0.18137402819216195</v>
      </c>
    </row>
    <row r="14" spans="1:4">
      <c r="A14" s="40" t="s">
        <v>536</v>
      </c>
      <c r="B14" s="48">
        <v>43</v>
      </c>
      <c r="C14" s="79">
        <v>4.1571718915324603</v>
      </c>
      <c r="D14" s="80">
        <v>0.38705278415268035</v>
      </c>
    </row>
    <row r="15" spans="1:4">
      <c r="A15" s="44" t="s">
        <v>537</v>
      </c>
      <c r="B15" s="44">
        <v>74</v>
      </c>
      <c r="C15" s="218">
        <v>4.0863722630987702</v>
      </c>
      <c r="D15" s="219">
        <v>0.3379206400748207</v>
      </c>
    </row>
    <row r="16" spans="1:4">
      <c r="A16" s="40" t="s">
        <v>538</v>
      </c>
      <c r="B16" s="48">
        <v>59</v>
      </c>
      <c r="C16" s="79">
        <v>4.2116695559289807</v>
      </c>
      <c r="D16" s="80">
        <v>0.33091748193941206</v>
      </c>
    </row>
    <row r="17" spans="1:79">
      <c r="A17" s="44" t="s">
        <v>539</v>
      </c>
      <c r="B17" s="44">
        <v>47</v>
      </c>
      <c r="C17" s="218">
        <v>4.1217167974101425</v>
      </c>
      <c r="D17" s="219">
        <v>0.39595400012899035</v>
      </c>
    </row>
    <row r="18" spans="1:79">
      <c r="A18" s="40" t="s">
        <v>540</v>
      </c>
      <c r="B18" s="216">
        <v>159</v>
      </c>
      <c r="C18" s="79">
        <v>3.8692782921715216</v>
      </c>
      <c r="D18" s="80">
        <v>0.23075620603715469</v>
      </c>
    </row>
    <row r="19" spans="1:79">
      <c r="A19" s="44" t="s">
        <v>541</v>
      </c>
      <c r="B19" s="217">
        <v>55</v>
      </c>
      <c r="C19" s="218">
        <v>3.3545159772756921</v>
      </c>
      <c r="D19" s="219">
        <v>0.39261088510418374</v>
      </c>
    </row>
    <row r="20" spans="1:79">
      <c r="A20" s="40" t="s">
        <v>542</v>
      </c>
      <c r="B20" s="78">
        <v>43</v>
      </c>
      <c r="C20" s="79">
        <v>3.9315593679164031</v>
      </c>
      <c r="D20" s="80">
        <v>0.41240910017817178</v>
      </c>
    </row>
    <row r="21" spans="1:79">
      <c r="A21" s="44" t="s">
        <v>543</v>
      </c>
      <c r="B21" s="217">
        <v>35</v>
      </c>
      <c r="C21" s="218">
        <v>4.1153744223724749</v>
      </c>
      <c r="D21" s="219">
        <v>0.50953991049544001</v>
      </c>
    </row>
    <row r="22" spans="1:79">
      <c r="A22" s="52" t="s">
        <v>544</v>
      </c>
      <c r="B22" s="216">
        <v>26</v>
      </c>
      <c r="C22" s="79">
        <v>4.6955778978355927</v>
      </c>
      <c r="D22" s="80">
        <v>0.55173278749877264</v>
      </c>
    </row>
    <row r="23" spans="1:79">
      <c r="A23" s="44" t="s">
        <v>545</v>
      </c>
      <c r="B23" s="217">
        <v>290</v>
      </c>
      <c r="C23" s="218">
        <v>3.4651107096100593</v>
      </c>
      <c r="D23" s="219">
        <v>0.15734438538698536</v>
      </c>
    </row>
    <row r="24" spans="1:79">
      <c r="A24" s="52" t="s">
        <v>546</v>
      </c>
      <c r="B24" s="216">
        <v>42</v>
      </c>
      <c r="C24" s="79">
        <v>3.3868373402857284</v>
      </c>
      <c r="D24" s="80">
        <v>0.44371937625434815</v>
      </c>
    </row>
    <row r="25" spans="1:79">
      <c r="A25" s="44" t="s">
        <v>547</v>
      </c>
      <c r="B25" s="217">
        <v>76</v>
      </c>
      <c r="C25" s="218">
        <v>3.4843605946024891</v>
      </c>
      <c r="D25" s="219">
        <v>0.27293066891079348</v>
      </c>
    </row>
    <row r="26" spans="1:79">
      <c r="A26" s="52" t="s">
        <v>548</v>
      </c>
      <c r="B26" s="216">
        <v>58</v>
      </c>
      <c r="C26" s="79">
        <v>3.5325665274391658</v>
      </c>
      <c r="D26" s="80">
        <v>0.37013088557791585</v>
      </c>
    </row>
    <row r="27" spans="1:79">
      <c r="A27" s="44" t="s">
        <v>549</v>
      </c>
      <c r="B27" s="217">
        <v>38</v>
      </c>
      <c r="C27" s="218">
        <v>3.7905960526529134</v>
      </c>
      <c r="D27" s="219">
        <v>0.46008480205677454</v>
      </c>
    </row>
    <row r="28" spans="1:79">
      <c r="A28" s="52" t="s">
        <v>550</v>
      </c>
      <c r="B28" s="216">
        <v>39</v>
      </c>
      <c r="C28" s="79">
        <v>3.5282187754797798</v>
      </c>
      <c r="D28" s="80">
        <v>0.40192041339419882</v>
      </c>
    </row>
    <row r="29" spans="1:79">
      <c r="A29" s="44" t="s">
        <v>551</v>
      </c>
      <c r="B29" s="217">
        <v>37</v>
      </c>
      <c r="C29" s="218">
        <v>3.1383978707603024</v>
      </c>
      <c r="D29" s="219">
        <v>0.4145296412848582</v>
      </c>
    </row>
    <row r="30" spans="1:79">
      <c r="W30" s="242"/>
      <c r="X30" s="242"/>
      <c r="Y30" s="242"/>
      <c r="Z30" s="242"/>
      <c r="AA30" s="242"/>
      <c r="AB30" s="242"/>
      <c r="AC30" s="242"/>
      <c r="AD30" s="242"/>
      <c r="AE30" s="242"/>
      <c r="AF30" s="242"/>
      <c r="AG30" s="242"/>
      <c r="AH30" s="242"/>
      <c r="AI30" s="242"/>
      <c r="AJ30" s="242"/>
      <c r="AK30" s="242"/>
      <c r="AL30" s="242"/>
      <c r="AM30" s="242"/>
      <c r="AN30" s="242"/>
      <c r="AO30" s="242"/>
      <c r="AP30" s="242"/>
      <c r="AQ30" s="242"/>
      <c r="AR30" s="242"/>
      <c r="AS30" s="242"/>
      <c r="AT30" s="242"/>
      <c r="AU30" s="242"/>
      <c r="AV30" s="242"/>
      <c r="AW30" s="242"/>
      <c r="AX30" s="242"/>
      <c r="AY30" s="242"/>
      <c r="AZ30" s="242"/>
      <c r="BA30" s="242"/>
      <c r="BB30" s="242"/>
      <c r="BC30" s="242"/>
      <c r="BD30" s="242"/>
      <c r="BE30" s="242"/>
      <c r="BF30" s="242"/>
      <c r="BG30" s="242"/>
      <c r="BH30" s="242"/>
      <c r="BI30" s="242"/>
      <c r="BJ30" s="242"/>
      <c r="BK30" s="242"/>
      <c r="BL30" s="242"/>
      <c r="BM30" s="242"/>
      <c r="BN30" s="242"/>
      <c r="BO30" s="242"/>
      <c r="BP30" s="242"/>
      <c r="BQ30" s="242"/>
      <c r="BR30" s="242"/>
      <c r="BS30" s="242"/>
      <c r="BT30" s="242"/>
      <c r="BU30" s="242"/>
      <c r="BV30" s="242"/>
      <c r="BW30" s="242"/>
      <c r="BX30" s="242"/>
      <c r="BY30" s="242"/>
      <c r="BZ30" s="242"/>
      <c r="CA30" s="242"/>
    </row>
    <row r="31" spans="1:79">
      <c r="W31" s="242"/>
      <c r="X31" s="242"/>
      <c r="Y31" s="242"/>
      <c r="Z31" s="242"/>
      <c r="AA31" s="242"/>
      <c r="AB31" s="242"/>
      <c r="AC31" s="242"/>
      <c r="AD31" s="242"/>
      <c r="AE31" s="242"/>
      <c r="AF31" s="242"/>
      <c r="AG31" s="242"/>
      <c r="AH31" s="242"/>
      <c r="AI31" s="242"/>
      <c r="AJ31" s="242"/>
      <c r="AK31" s="242"/>
      <c r="AL31" s="242"/>
      <c r="AM31" s="242"/>
      <c r="AN31" s="242"/>
      <c r="AO31" s="242"/>
      <c r="AP31" s="242"/>
      <c r="AQ31" s="242"/>
      <c r="AR31" s="242"/>
      <c r="AS31" s="242"/>
      <c r="AT31" s="242"/>
      <c r="AU31" s="242"/>
      <c r="AV31" s="242"/>
      <c r="AW31" s="242"/>
      <c r="AX31" s="242"/>
      <c r="AY31" s="242"/>
      <c r="AZ31" s="242"/>
      <c r="BA31" s="242"/>
      <c r="BB31" s="242"/>
      <c r="BC31" s="242"/>
      <c r="BD31" s="242"/>
      <c r="BE31" s="242"/>
      <c r="BF31" s="242"/>
      <c r="BG31" s="242"/>
      <c r="BH31" s="242"/>
      <c r="BI31" s="242"/>
      <c r="BJ31" s="242"/>
      <c r="BK31" s="242"/>
      <c r="BL31" s="242"/>
      <c r="BM31" s="242"/>
      <c r="BN31" s="242"/>
      <c r="BO31" s="242"/>
      <c r="BP31" s="242"/>
      <c r="BQ31" s="242"/>
      <c r="BR31" s="242"/>
      <c r="BS31" s="242"/>
      <c r="BT31" s="242"/>
      <c r="BU31" s="242"/>
      <c r="BV31" s="242"/>
      <c r="BW31" s="242"/>
      <c r="BX31" s="242"/>
      <c r="BY31" s="242"/>
      <c r="BZ31" s="242"/>
      <c r="CA31" s="242"/>
    </row>
    <row r="32" spans="1:79" ht="18.75">
      <c r="A32" s="416" t="s">
        <v>53</v>
      </c>
      <c r="B32" s="416"/>
      <c r="C32" s="416"/>
      <c r="D32" s="416"/>
      <c r="E32" s="416"/>
      <c r="F32" s="416"/>
      <c r="G32" s="416"/>
      <c r="H32" s="416"/>
      <c r="I32" s="416"/>
      <c r="J32" s="416"/>
      <c r="K32" s="416"/>
      <c r="L32" s="416"/>
      <c r="M32" s="416"/>
      <c r="N32" s="416"/>
      <c r="O32" s="416"/>
      <c r="P32" s="416"/>
      <c r="Q32" s="416"/>
      <c r="R32" s="416"/>
      <c r="S32" s="416"/>
      <c r="T32" s="416"/>
      <c r="U32" s="416"/>
      <c r="V32" s="416"/>
      <c r="W32" s="416"/>
      <c r="X32" s="416"/>
      <c r="Y32" s="416"/>
      <c r="Z32" s="416"/>
      <c r="AA32" s="416"/>
      <c r="AB32" s="416"/>
      <c r="AC32" s="416"/>
      <c r="AD32" s="416"/>
      <c r="AE32" s="416"/>
      <c r="AF32" s="416"/>
      <c r="AG32" s="416"/>
      <c r="AH32" s="416"/>
      <c r="AI32" s="416"/>
      <c r="AJ32" s="416"/>
      <c r="AK32" s="416"/>
      <c r="AL32" s="416"/>
      <c r="AM32" s="416"/>
      <c r="AN32" s="416"/>
      <c r="AO32" s="416"/>
      <c r="AP32" s="416"/>
      <c r="AQ32" s="416"/>
      <c r="AR32" s="416"/>
      <c r="AS32" s="416"/>
      <c r="AT32" s="416"/>
      <c r="AU32" s="416"/>
      <c r="AV32" s="416"/>
      <c r="AW32" s="416"/>
      <c r="AX32" s="416"/>
      <c r="AY32" s="416"/>
      <c r="AZ32" s="416"/>
      <c r="BA32" s="416"/>
      <c r="BB32" s="416"/>
      <c r="BC32" s="416"/>
      <c r="BD32" s="416"/>
      <c r="BE32" s="416"/>
      <c r="BF32" s="416"/>
      <c r="BG32" s="416"/>
      <c r="BH32" s="416"/>
      <c r="BI32" s="416"/>
      <c r="BJ32" s="416"/>
      <c r="BK32" s="416"/>
      <c r="BL32" s="416"/>
      <c r="BM32" s="416"/>
      <c r="BN32" s="416"/>
      <c r="BO32" s="416"/>
      <c r="BP32" s="416"/>
      <c r="BQ32" s="416"/>
      <c r="BR32" s="416"/>
      <c r="BS32" s="416"/>
      <c r="BT32" s="416"/>
      <c r="BU32" s="416"/>
      <c r="BV32" s="416"/>
      <c r="BW32" s="416"/>
      <c r="BX32" s="416"/>
      <c r="BY32" s="416"/>
      <c r="BZ32" s="416"/>
    </row>
    <row r="33" spans="1:78" ht="84" customHeight="1">
      <c r="A33" s="417" t="s">
        <v>603</v>
      </c>
      <c r="B33" s="417"/>
      <c r="C33" s="417"/>
      <c r="D33" s="417"/>
      <c r="E33" s="417"/>
      <c r="F33" s="417"/>
      <c r="G33" s="417"/>
      <c r="H33" s="417"/>
      <c r="I33" s="417"/>
      <c r="J33" s="417"/>
      <c r="K33" s="417"/>
      <c r="L33" s="417"/>
      <c r="M33" s="417"/>
      <c r="N33" s="417"/>
      <c r="O33" s="417"/>
      <c r="P33" s="417"/>
      <c r="Q33" s="417"/>
      <c r="R33" s="417"/>
      <c r="S33" s="417"/>
      <c r="T33" s="417"/>
      <c r="U33" s="417"/>
      <c r="V33" s="417"/>
      <c r="W33" s="417"/>
      <c r="X33" s="417"/>
      <c r="Y33" s="417"/>
      <c r="Z33" s="417"/>
      <c r="AA33" s="417"/>
      <c r="AB33" s="417"/>
      <c r="AC33" s="417"/>
      <c r="AD33" s="417"/>
      <c r="AE33" s="417"/>
      <c r="AF33" s="417"/>
      <c r="AG33" s="417"/>
      <c r="AH33" s="417"/>
      <c r="AI33" s="417"/>
      <c r="AJ33" s="417"/>
      <c r="AK33" s="417"/>
      <c r="AL33" s="417"/>
      <c r="AM33" s="417"/>
      <c r="AN33" s="417"/>
      <c r="AO33" s="417"/>
      <c r="AP33" s="417"/>
      <c r="AQ33" s="417"/>
      <c r="AR33" s="417"/>
      <c r="AS33" s="417"/>
      <c r="AT33" s="417"/>
      <c r="AU33" s="417"/>
      <c r="AV33" s="417"/>
      <c r="AW33" s="417"/>
      <c r="AX33" s="417"/>
      <c r="AY33" s="417"/>
      <c r="AZ33" s="417"/>
      <c r="BA33" s="417"/>
      <c r="BB33" s="417"/>
      <c r="BC33" s="417"/>
      <c r="BD33" s="417"/>
      <c r="BE33" s="417"/>
      <c r="BF33" s="417"/>
      <c r="BG33" s="417"/>
      <c r="BH33" s="417"/>
      <c r="BI33" s="417"/>
      <c r="BJ33" s="417"/>
      <c r="BK33" s="417"/>
      <c r="BL33" s="417"/>
      <c r="BM33" s="417"/>
      <c r="BN33" s="417"/>
      <c r="BO33" s="417"/>
      <c r="BP33" s="417"/>
      <c r="BQ33" s="417"/>
      <c r="BR33" s="417"/>
      <c r="BS33" s="417"/>
      <c r="BT33" s="417"/>
      <c r="BU33" s="417"/>
      <c r="BV33" s="417"/>
      <c r="BW33" s="417"/>
      <c r="BX33" s="417"/>
      <c r="BY33" s="417"/>
      <c r="BZ33" s="417"/>
    </row>
    <row r="34" spans="1:78" ht="33.75" customHeight="1">
      <c r="A34" s="59"/>
      <c r="B34" s="338" t="s">
        <v>436</v>
      </c>
      <c r="C34" s="338"/>
      <c r="D34" s="338"/>
      <c r="E34" s="338"/>
      <c r="F34" s="338"/>
      <c r="G34" s="338"/>
      <c r="H34" s="338"/>
      <c r="I34" s="390" t="s">
        <v>437</v>
      </c>
      <c r="J34" s="391"/>
      <c r="K34" s="391"/>
      <c r="L34" s="391"/>
      <c r="M34" s="391"/>
      <c r="N34" s="391"/>
      <c r="O34" s="392"/>
      <c r="P34" s="390" t="s">
        <v>438</v>
      </c>
      <c r="Q34" s="391"/>
      <c r="R34" s="391"/>
      <c r="S34" s="391"/>
      <c r="T34" s="391"/>
      <c r="U34" s="391"/>
      <c r="V34" s="392"/>
      <c r="W34" s="390" t="s">
        <v>439</v>
      </c>
      <c r="X34" s="391"/>
      <c r="Y34" s="391"/>
      <c r="Z34" s="391"/>
      <c r="AA34" s="391"/>
      <c r="AB34" s="391"/>
      <c r="AC34" s="392"/>
      <c r="AD34" s="390" t="s">
        <v>440</v>
      </c>
      <c r="AE34" s="391"/>
      <c r="AF34" s="391"/>
      <c r="AG34" s="391"/>
      <c r="AH34" s="391"/>
      <c r="AI34" s="391"/>
      <c r="AJ34" s="392"/>
      <c r="AK34" s="390" t="s">
        <v>441</v>
      </c>
      <c r="AL34" s="391"/>
      <c r="AM34" s="391"/>
      <c r="AN34" s="391"/>
      <c r="AO34" s="391"/>
      <c r="AP34" s="391"/>
      <c r="AQ34" s="392"/>
      <c r="AR34" s="390" t="s">
        <v>442</v>
      </c>
      <c r="AS34" s="391"/>
      <c r="AT34" s="391"/>
      <c r="AU34" s="391"/>
      <c r="AV34" s="391"/>
      <c r="AW34" s="391"/>
      <c r="AX34" s="392"/>
      <c r="AY34" s="390" t="s">
        <v>443</v>
      </c>
      <c r="AZ34" s="391"/>
      <c r="BA34" s="391"/>
      <c r="BB34" s="391"/>
      <c r="BC34" s="391"/>
      <c r="BD34" s="391"/>
      <c r="BE34" s="392"/>
      <c r="BF34" s="390" t="s">
        <v>444</v>
      </c>
      <c r="BG34" s="391"/>
      <c r="BH34" s="391"/>
      <c r="BI34" s="391"/>
      <c r="BJ34" s="391"/>
      <c r="BK34" s="391"/>
      <c r="BL34" s="392"/>
      <c r="BM34" s="338" t="s">
        <v>445</v>
      </c>
      <c r="BN34" s="338"/>
      <c r="BO34" s="338"/>
      <c r="BP34" s="338"/>
      <c r="BQ34" s="338"/>
      <c r="BR34" s="338"/>
      <c r="BS34" s="338"/>
      <c r="BT34" s="338" t="s">
        <v>446</v>
      </c>
      <c r="BU34" s="338"/>
      <c r="BV34" s="338"/>
      <c r="BW34" s="338"/>
      <c r="BX34" s="338"/>
      <c r="BY34" s="338"/>
      <c r="BZ34" s="338"/>
    </row>
    <row r="35" spans="1:78" ht="72">
      <c r="A35" s="32" t="s">
        <v>71</v>
      </c>
      <c r="B35" s="33" t="s">
        <v>72</v>
      </c>
      <c r="C35" s="33" t="s">
        <v>450</v>
      </c>
      <c r="D35" s="84" t="s">
        <v>532</v>
      </c>
      <c r="E35" s="33" t="s">
        <v>448</v>
      </c>
      <c r="F35" s="84" t="s">
        <v>449</v>
      </c>
      <c r="G35" s="33" t="s">
        <v>447</v>
      </c>
      <c r="H35" s="84" t="s">
        <v>451</v>
      </c>
      <c r="I35" s="60" t="s">
        <v>72</v>
      </c>
      <c r="J35" s="60" t="s">
        <v>450</v>
      </c>
      <c r="K35" s="83" t="s">
        <v>532</v>
      </c>
      <c r="L35" s="60" t="s">
        <v>448</v>
      </c>
      <c r="M35" s="83" t="s">
        <v>449</v>
      </c>
      <c r="N35" s="60" t="s">
        <v>447</v>
      </c>
      <c r="O35" s="83" t="s">
        <v>451</v>
      </c>
      <c r="P35" s="33" t="s">
        <v>72</v>
      </c>
      <c r="Q35" s="33" t="s">
        <v>450</v>
      </c>
      <c r="R35" s="84" t="s">
        <v>532</v>
      </c>
      <c r="S35" s="33" t="s">
        <v>448</v>
      </c>
      <c r="T35" s="84" t="s">
        <v>449</v>
      </c>
      <c r="U35" s="33" t="s">
        <v>447</v>
      </c>
      <c r="V35" s="84" t="s">
        <v>451</v>
      </c>
      <c r="W35" s="60" t="s">
        <v>72</v>
      </c>
      <c r="X35" s="60" t="s">
        <v>450</v>
      </c>
      <c r="Y35" s="83" t="s">
        <v>532</v>
      </c>
      <c r="Z35" s="60" t="s">
        <v>448</v>
      </c>
      <c r="AA35" s="83" t="s">
        <v>449</v>
      </c>
      <c r="AB35" s="60" t="s">
        <v>447</v>
      </c>
      <c r="AC35" s="83" t="s">
        <v>451</v>
      </c>
      <c r="AD35" s="33" t="s">
        <v>72</v>
      </c>
      <c r="AE35" s="33" t="s">
        <v>450</v>
      </c>
      <c r="AF35" s="84" t="s">
        <v>532</v>
      </c>
      <c r="AG35" s="33" t="s">
        <v>448</v>
      </c>
      <c r="AH35" s="84" t="s">
        <v>449</v>
      </c>
      <c r="AI35" s="33" t="s">
        <v>447</v>
      </c>
      <c r="AJ35" s="84" t="s">
        <v>451</v>
      </c>
      <c r="AK35" s="60" t="s">
        <v>72</v>
      </c>
      <c r="AL35" s="60" t="s">
        <v>450</v>
      </c>
      <c r="AM35" s="83" t="s">
        <v>532</v>
      </c>
      <c r="AN35" s="60" t="s">
        <v>448</v>
      </c>
      <c r="AO35" s="83" t="s">
        <v>449</v>
      </c>
      <c r="AP35" s="60" t="s">
        <v>447</v>
      </c>
      <c r="AQ35" s="83" t="s">
        <v>451</v>
      </c>
      <c r="AR35" s="33" t="s">
        <v>72</v>
      </c>
      <c r="AS35" s="33" t="s">
        <v>450</v>
      </c>
      <c r="AT35" s="84" t="s">
        <v>532</v>
      </c>
      <c r="AU35" s="33" t="s">
        <v>448</v>
      </c>
      <c r="AV35" s="84" t="s">
        <v>449</v>
      </c>
      <c r="AW35" s="33" t="s">
        <v>447</v>
      </c>
      <c r="AX35" s="84" t="s">
        <v>451</v>
      </c>
      <c r="AY35" s="60" t="s">
        <v>72</v>
      </c>
      <c r="AZ35" s="60" t="s">
        <v>450</v>
      </c>
      <c r="BA35" s="83" t="s">
        <v>532</v>
      </c>
      <c r="BB35" s="60" t="s">
        <v>448</v>
      </c>
      <c r="BC35" s="83" t="s">
        <v>449</v>
      </c>
      <c r="BD35" s="60" t="s">
        <v>447</v>
      </c>
      <c r="BE35" s="83" t="s">
        <v>451</v>
      </c>
      <c r="BF35" s="33" t="s">
        <v>72</v>
      </c>
      <c r="BG35" s="33" t="s">
        <v>450</v>
      </c>
      <c r="BH35" s="84" t="s">
        <v>532</v>
      </c>
      <c r="BI35" s="33" t="s">
        <v>448</v>
      </c>
      <c r="BJ35" s="84" t="s">
        <v>449</v>
      </c>
      <c r="BK35" s="33" t="s">
        <v>447</v>
      </c>
      <c r="BL35" s="84" t="s">
        <v>451</v>
      </c>
      <c r="BM35" s="60" t="s">
        <v>72</v>
      </c>
      <c r="BN35" s="60" t="s">
        <v>450</v>
      </c>
      <c r="BO35" s="83" t="s">
        <v>532</v>
      </c>
      <c r="BP35" s="60" t="s">
        <v>448</v>
      </c>
      <c r="BQ35" s="83" t="s">
        <v>449</v>
      </c>
      <c r="BR35" s="60" t="s">
        <v>447</v>
      </c>
      <c r="BS35" s="83" t="s">
        <v>451</v>
      </c>
      <c r="BT35" s="33" t="s">
        <v>72</v>
      </c>
      <c r="BU35" s="33" t="s">
        <v>450</v>
      </c>
      <c r="BV35" s="84" t="s">
        <v>532</v>
      </c>
      <c r="BW35" s="33" t="s">
        <v>448</v>
      </c>
      <c r="BX35" s="84" t="s">
        <v>449</v>
      </c>
      <c r="BY35" s="33" t="s">
        <v>447</v>
      </c>
      <c r="BZ35" s="84" t="s">
        <v>451</v>
      </c>
    </row>
    <row r="36" spans="1:78" ht="60">
      <c r="A36" s="36"/>
      <c r="B36" s="37" t="s">
        <v>74</v>
      </c>
      <c r="C36" s="37" t="s">
        <v>161</v>
      </c>
      <c r="D36" s="86" t="s">
        <v>88</v>
      </c>
      <c r="E36" s="37" t="s">
        <v>160</v>
      </c>
      <c r="F36" s="86" t="s">
        <v>88</v>
      </c>
      <c r="G36" s="37" t="s">
        <v>159</v>
      </c>
      <c r="H36" s="86" t="s">
        <v>88</v>
      </c>
      <c r="I36" s="63" t="s">
        <v>74</v>
      </c>
      <c r="J36" s="63" t="s">
        <v>161</v>
      </c>
      <c r="K36" s="85" t="s">
        <v>88</v>
      </c>
      <c r="L36" s="63" t="s">
        <v>160</v>
      </c>
      <c r="M36" s="85" t="s">
        <v>88</v>
      </c>
      <c r="N36" s="63" t="s">
        <v>159</v>
      </c>
      <c r="O36" s="85" t="s">
        <v>88</v>
      </c>
      <c r="P36" s="37" t="s">
        <v>74</v>
      </c>
      <c r="Q36" s="37" t="s">
        <v>161</v>
      </c>
      <c r="R36" s="86" t="s">
        <v>88</v>
      </c>
      <c r="S36" s="37" t="s">
        <v>160</v>
      </c>
      <c r="T36" s="86" t="s">
        <v>88</v>
      </c>
      <c r="U36" s="37" t="s">
        <v>159</v>
      </c>
      <c r="V36" s="86" t="s">
        <v>88</v>
      </c>
      <c r="W36" s="63" t="s">
        <v>74</v>
      </c>
      <c r="X36" s="63" t="s">
        <v>161</v>
      </c>
      <c r="Y36" s="85" t="s">
        <v>88</v>
      </c>
      <c r="Z36" s="63" t="s">
        <v>160</v>
      </c>
      <c r="AA36" s="85" t="s">
        <v>88</v>
      </c>
      <c r="AB36" s="63" t="s">
        <v>159</v>
      </c>
      <c r="AC36" s="85" t="s">
        <v>88</v>
      </c>
      <c r="AD36" s="37" t="s">
        <v>74</v>
      </c>
      <c r="AE36" s="37" t="s">
        <v>161</v>
      </c>
      <c r="AF36" s="86" t="s">
        <v>88</v>
      </c>
      <c r="AG36" s="37" t="s">
        <v>160</v>
      </c>
      <c r="AH36" s="86" t="s">
        <v>88</v>
      </c>
      <c r="AI36" s="37" t="s">
        <v>159</v>
      </c>
      <c r="AJ36" s="86" t="s">
        <v>88</v>
      </c>
      <c r="AK36" s="63" t="s">
        <v>74</v>
      </c>
      <c r="AL36" s="63" t="s">
        <v>161</v>
      </c>
      <c r="AM36" s="85" t="s">
        <v>88</v>
      </c>
      <c r="AN36" s="63" t="s">
        <v>160</v>
      </c>
      <c r="AO36" s="85" t="s">
        <v>88</v>
      </c>
      <c r="AP36" s="63" t="s">
        <v>159</v>
      </c>
      <c r="AQ36" s="85" t="s">
        <v>88</v>
      </c>
      <c r="AR36" s="37" t="s">
        <v>74</v>
      </c>
      <c r="AS36" s="37" t="s">
        <v>161</v>
      </c>
      <c r="AT36" s="86" t="s">
        <v>88</v>
      </c>
      <c r="AU36" s="37" t="s">
        <v>160</v>
      </c>
      <c r="AV36" s="86" t="s">
        <v>88</v>
      </c>
      <c r="AW36" s="37" t="s">
        <v>159</v>
      </c>
      <c r="AX36" s="86" t="s">
        <v>88</v>
      </c>
      <c r="AY36" s="63" t="s">
        <v>74</v>
      </c>
      <c r="AZ36" s="63" t="s">
        <v>161</v>
      </c>
      <c r="BA36" s="85" t="s">
        <v>88</v>
      </c>
      <c r="BB36" s="63" t="s">
        <v>160</v>
      </c>
      <c r="BC36" s="85" t="s">
        <v>88</v>
      </c>
      <c r="BD36" s="63" t="s">
        <v>159</v>
      </c>
      <c r="BE36" s="85" t="s">
        <v>88</v>
      </c>
      <c r="BF36" s="37" t="s">
        <v>74</v>
      </c>
      <c r="BG36" s="37" t="s">
        <v>161</v>
      </c>
      <c r="BH36" s="86" t="s">
        <v>88</v>
      </c>
      <c r="BI36" s="37" t="s">
        <v>160</v>
      </c>
      <c r="BJ36" s="86" t="s">
        <v>88</v>
      </c>
      <c r="BK36" s="37" t="s">
        <v>159</v>
      </c>
      <c r="BL36" s="86" t="s">
        <v>88</v>
      </c>
      <c r="BM36" s="63" t="s">
        <v>74</v>
      </c>
      <c r="BN36" s="63" t="s">
        <v>161</v>
      </c>
      <c r="BO36" s="85" t="s">
        <v>88</v>
      </c>
      <c r="BP36" s="63" t="s">
        <v>160</v>
      </c>
      <c r="BQ36" s="85" t="s">
        <v>88</v>
      </c>
      <c r="BR36" s="63" t="s">
        <v>159</v>
      </c>
      <c r="BS36" s="85" t="s">
        <v>88</v>
      </c>
      <c r="BT36" s="37" t="s">
        <v>74</v>
      </c>
      <c r="BU36" s="37" t="s">
        <v>161</v>
      </c>
      <c r="BV36" s="86" t="s">
        <v>88</v>
      </c>
      <c r="BW36" s="37" t="s">
        <v>160</v>
      </c>
      <c r="BX36" s="86" t="s">
        <v>88</v>
      </c>
      <c r="BY36" s="37" t="s">
        <v>159</v>
      </c>
      <c r="BZ36" s="86" t="s">
        <v>88</v>
      </c>
    </row>
    <row r="37" spans="1:78">
      <c r="A37" s="40" t="s">
        <v>349</v>
      </c>
      <c r="B37" s="319">
        <v>5956</v>
      </c>
      <c r="C37" s="320">
        <v>0.37049069428944598</v>
      </c>
      <c r="D37" s="315">
        <v>1.2511735318604604E-2</v>
      </c>
      <c r="E37" s="320">
        <v>0.1599777478250527</v>
      </c>
      <c r="F37" s="315">
        <v>9.5023841602421659E-3</v>
      </c>
      <c r="G37" s="320">
        <v>0.46953155788551576</v>
      </c>
      <c r="H37" s="315">
        <v>1.2929154394251645E-2</v>
      </c>
      <c r="I37" s="319">
        <v>5922</v>
      </c>
      <c r="J37" s="320">
        <v>0.3202704189255845</v>
      </c>
      <c r="K37" s="315">
        <v>1.2123252485466772E-2</v>
      </c>
      <c r="L37" s="320">
        <v>0.20725273765163249</v>
      </c>
      <c r="M37" s="315">
        <v>1.0534634910465399E-2</v>
      </c>
      <c r="N37" s="320">
        <v>0.47247684342279844</v>
      </c>
      <c r="O37" s="315">
        <v>1.2970630604819199E-2</v>
      </c>
      <c r="P37" s="319">
        <v>5468</v>
      </c>
      <c r="Q37" s="320">
        <v>0.30206896910918485</v>
      </c>
      <c r="R37" s="315">
        <v>1.2415814816631163E-2</v>
      </c>
      <c r="S37" s="320">
        <v>0.18346284940323676</v>
      </c>
      <c r="T37" s="315">
        <v>1.046962551040026E-2</v>
      </c>
      <c r="U37" s="320">
        <v>0.51446818148759343</v>
      </c>
      <c r="V37" s="315">
        <v>1.3512799261988374E-2</v>
      </c>
      <c r="W37" s="319">
        <v>5447</v>
      </c>
      <c r="X37" s="320">
        <v>0.35307457444302009</v>
      </c>
      <c r="Y37" s="315">
        <v>1.294739336443374E-2</v>
      </c>
      <c r="Z37" s="320">
        <v>0.10886926160360699</v>
      </c>
      <c r="AA37" s="315">
        <v>8.4472826242000202E-3</v>
      </c>
      <c r="AB37" s="320">
        <v>0.53805616395338862</v>
      </c>
      <c r="AC37" s="315">
        <v>1.3505235281819442E-2</v>
      </c>
      <c r="AD37" s="319">
        <v>6309</v>
      </c>
      <c r="AE37" s="320">
        <v>0.49453297063703761</v>
      </c>
      <c r="AF37" s="315">
        <v>1.2585085660763469E-2</v>
      </c>
      <c r="AG37" s="320">
        <v>0.14843995879291633</v>
      </c>
      <c r="AH37" s="315">
        <v>8.9549662678002472E-3</v>
      </c>
      <c r="AI37" s="320">
        <v>0.35702707057006011</v>
      </c>
      <c r="AJ37" s="315">
        <v>1.2061005418285576E-2</v>
      </c>
      <c r="AK37" s="319">
        <v>5518</v>
      </c>
      <c r="AL37" s="320">
        <v>0.52547463879812939</v>
      </c>
      <c r="AM37" s="315">
        <v>1.3439657691013346E-2</v>
      </c>
      <c r="AN37" s="320">
        <v>0.15759180430687189</v>
      </c>
      <c r="AO37" s="315">
        <v>9.8126758486079737E-3</v>
      </c>
      <c r="AP37" s="320">
        <v>0.31693355689501318</v>
      </c>
      <c r="AQ37" s="315">
        <v>1.2524086529603429E-2</v>
      </c>
      <c r="AR37" s="319">
        <v>6397</v>
      </c>
      <c r="AS37" s="320">
        <v>0.60834290820929027</v>
      </c>
      <c r="AT37" s="315">
        <v>1.2202439694925581E-2</v>
      </c>
      <c r="AU37" s="320">
        <v>0.14008316377450217</v>
      </c>
      <c r="AV37" s="315">
        <v>8.6819811996107551E-3</v>
      </c>
      <c r="AW37" s="320">
        <v>0.25157392801621475</v>
      </c>
      <c r="AX37" s="315">
        <v>1.084931357554981E-2</v>
      </c>
      <c r="AY37" s="319">
        <v>5390</v>
      </c>
      <c r="AZ37" s="320">
        <v>0.24103991578375566</v>
      </c>
      <c r="BA37" s="315">
        <v>1.1650550775255196E-2</v>
      </c>
      <c r="BB37" s="320">
        <v>0.16863534246044068</v>
      </c>
      <c r="BC37" s="315">
        <v>1.0202264964101456E-2</v>
      </c>
      <c r="BD37" s="320">
        <v>0.59032474175581984</v>
      </c>
      <c r="BE37" s="315">
        <v>1.3392163596050935E-2</v>
      </c>
      <c r="BF37" s="319">
        <v>6291</v>
      </c>
      <c r="BG37" s="320">
        <v>0.43285923832274098</v>
      </c>
      <c r="BH37" s="315">
        <v>1.2489813994813911E-2</v>
      </c>
      <c r="BI37" s="320">
        <v>0.1933525925834344</v>
      </c>
      <c r="BJ37" s="315">
        <v>9.9589891674521595E-3</v>
      </c>
      <c r="BK37" s="320">
        <v>0.37378816909383761</v>
      </c>
      <c r="BL37" s="315">
        <v>1.2196193659193085E-2</v>
      </c>
      <c r="BM37" s="319">
        <v>6457</v>
      </c>
      <c r="BN37" s="320">
        <v>0.47806856692483712</v>
      </c>
      <c r="BO37" s="315">
        <v>1.2428893438964349E-2</v>
      </c>
      <c r="BP37" s="320">
        <v>0.13367186186627561</v>
      </c>
      <c r="BQ37" s="315">
        <v>8.4733001245156179E-3</v>
      </c>
      <c r="BR37" s="320">
        <v>0.38825957120890364</v>
      </c>
      <c r="BS37" s="315">
        <v>1.2126596623413729E-2</v>
      </c>
      <c r="BT37" s="319">
        <v>4556</v>
      </c>
      <c r="BU37" s="320">
        <v>0.45051591088299064</v>
      </c>
      <c r="BV37" s="315">
        <v>1.4736147791075243E-2</v>
      </c>
      <c r="BW37" s="320">
        <v>0.16245235770160246</v>
      </c>
      <c r="BX37" s="315">
        <v>1.0932865046227843E-2</v>
      </c>
      <c r="BY37" s="320">
        <v>0.38703173141542258</v>
      </c>
      <c r="BZ37" s="315">
        <v>1.442647875141443E-2</v>
      </c>
    </row>
    <row r="38" spans="1:78">
      <c r="A38" s="44" t="s">
        <v>350</v>
      </c>
      <c r="B38" s="210">
        <v>5550</v>
      </c>
      <c r="C38" s="214">
        <v>0.38847304466882099</v>
      </c>
      <c r="D38" s="92">
        <v>1.3080720773607194E-2</v>
      </c>
      <c r="E38" s="214">
        <v>0.15890324539520123</v>
      </c>
      <c r="F38" s="92">
        <v>9.8172179131273581E-3</v>
      </c>
      <c r="G38" s="214">
        <v>0.45262370993599282</v>
      </c>
      <c r="H38" s="92">
        <v>1.3358002837709698E-2</v>
      </c>
      <c r="I38" s="210">
        <v>5547</v>
      </c>
      <c r="J38" s="214">
        <v>0.34842666060615252</v>
      </c>
      <c r="K38" s="92">
        <v>1.2791261576870834E-2</v>
      </c>
      <c r="L38" s="214">
        <v>0.21645049950628806</v>
      </c>
      <c r="M38" s="92">
        <v>1.1058727314933278E-2</v>
      </c>
      <c r="N38" s="214">
        <v>0.43512283988757489</v>
      </c>
      <c r="O38" s="92">
        <v>1.3308609639994364E-2</v>
      </c>
      <c r="P38" s="210">
        <v>5112</v>
      </c>
      <c r="Q38" s="214">
        <v>0.32866869232172857</v>
      </c>
      <c r="R38" s="92">
        <v>1.3135829378071577E-2</v>
      </c>
      <c r="S38" s="214">
        <v>0.1871438296797075</v>
      </c>
      <c r="T38" s="92">
        <v>1.0911328310163483E-2</v>
      </c>
      <c r="U38" s="214">
        <v>0.48418747799857975</v>
      </c>
      <c r="V38" s="92">
        <v>1.3973904949301797E-2</v>
      </c>
      <c r="W38" s="210">
        <v>5068</v>
      </c>
      <c r="X38" s="214">
        <v>0.3962727834225182</v>
      </c>
      <c r="Y38" s="92">
        <v>1.3736410790152219E-2</v>
      </c>
      <c r="Z38" s="214">
        <v>0.11936256301415138</v>
      </c>
      <c r="AA38" s="92">
        <v>9.1147424722684469E-3</v>
      </c>
      <c r="AB38" s="214">
        <v>0.48436465356334829</v>
      </c>
      <c r="AC38" s="92">
        <v>1.4034542823167717E-2</v>
      </c>
      <c r="AD38" s="210">
        <v>5874</v>
      </c>
      <c r="AE38" s="214">
        <v>0.51061691895571304</v>
      </c>
      <c r="AF38" s="92">
        <v>1.3040294930018449E-2</v>
      </c>
      <c r="AG38" s="214">
        <v>0.15647670014792994</v>
      </c>
      <c r="AH38" s="92">
        <v>9.4831487834469985E-3</v>
      </c>
      <c r="AI38" s="214">
        <v>0.33290638089637303</v>
      </c>
      <c r="AJ38" s="92">
        <v>1.2294384680554087E-2</v>
      </c>
      <c r="AK38" s="210">
        <v>5156</v>
      </c>
      <c r="AL38" s="214">
        <v>0.53898350481879531</v>
      </c>
      <c r="AM38" s="92">
        <v>1.3878840109256026E-2</v>
      </c>
      <c r="AN38" s="214">
        <v>0.16639969075272215</v>
      </c>
      <c r="AO38" s="92">
        <v>1.0376004971847158E-2</v>
      </c>
      <c r="AP38" s="214">
        <v>0.29461680442849547</v>
      </c>
      <c r="AQ38" s="92">
        <v>1.2694475282381528E-2</v>
      </c>
      <c r="AR38" s="210">
        <v>5971</v>
      </c>
      <c r="AS38" s="214">
        <v>0.64401070625015966</v>
      </c>
      <c r="AT38" s="92">
        <v>1.2389459010041251E-2</v>
      </c>
      <c r="AU38" s="214">
        <v>0.1492546452857231</v>
      </c>
      <c r="AV38" s="92">
        <v>9.2258453436001864E-3</v>
      </c>
      <c r="AW38" s="214">
        <v>0.20673464846413378</v>
      </c>
      <c r="AX38" s="92">
        <v>1.048164117595389E-2</v>
      </c>
      <c r="AY38" s="210">
        <v>5052</v>
      </c>
      <c r="AZ38" s="214">
        <v>0.25823944813279925</v>
      </c>
      <c r="BA38" s="92">
        <v>1.2313298109162462E-2</v>
      </c>
      <c r="BB38" s="214">
        <v>0.17417349923654613</v>
      </c>
      <c r="BC38" s="92">
        <v>1.0673706464127512E-2</v>
      </c>
      <c r="BD38" s="214">
        <v>0.56758705263067077</v>
      </c>
      <c r="BE38" s="92">
        <v>1.3934726204684621E-2</v>
      </c>
      <c r="BF38" s="210">
        <v>5856</v>
      </c>
      <c r="BG38" s="214">
        <v>0.44419665227829086</v>
      </c>
      <c r="BH38" s="92">
        <v>1.2981747126674574E-2</v>
      </c>
      <c r="BI38" s="214">
        <v>0.19600221765628845</v>
      </c>
      <c r="BJ38" s="92">
        <v>1.0375590566453752E-2</v>
      </c>
      <c r="BK38" s="214">
        <v>0.35980113006543574</v>
      </c>
      <c r="BL38" s="92">
        <v>1.2539932161268693E-2</v>
      </c>
      <c r="BM38" s="210">
        <v>6034</v>
      </c>
      <c r="BN38" s="214">
        <v>0.53849602365169658</v>
      </c>
      <c r="BO38" s="92">
        <v>1.2831107111497899E-2</v>
      </c>
      <c r="BP38" s="214">
        <v>0.14204966945947903</v>
      </c>
      <c r="BQ38" s="92">
        <v>8.9915962159253359E-3</v>
      </c>
      <c r="BR38" s="214">
        <v>0.31945430688884119</v>
      </c>
      <c r="BS38" s="92">
        <v>1.2002164627389858E-2</v>
      </c>
      <c r="BT38" s="210">
        <v>4248</v>
      </c>
      <c r="BU38" s="214">
        <v>0.48320448927244791</v>
      </c>
      <c r="BV38" s="92">
        <v>1.5327053575894485E-2</v>
      </c>
      <c r="BW38" s="214">
        <v>0.17079028002360352</v>
      </c>
      <c r="BX38" s="92">
        <v>1.1550729697439813E-2</v>
      </c>
      <c r="BY38" s="214">
        <v>0.34600523070396039</v>
      </c>
      <c r="BZ38" s="92">
        <v>1.4591657557280648E-2</v>
      </c>
    </row>
    <row r="39" spans="1:78">
      <c r="A39" s="40" t="s">
        <v>351</v>
      </c>
      <c r="B39" s="319">
        <v>406</v>
      </c>
      <c r="C39" s="320">
        <v>0.31028988831789983</v>
      </c>
      <c r="D39" s="315">
        <v>4.5768120806405306E-2</v>
      </c>
      <c r="E39" s="320">
        <v>0.16357493678704668</v>
      </c>
      <c r="F39" s="315">
        <v>3.6827326790664749E-2</v>
      </c>
      <c r="G39" s="320">
        <v>0.52613517489505268</v>
      </c>
      <c r="H39" s="315">
        <v>4.9320278852422357E-2</v>
      </c>
      <c r="I39" s="319">
        <v>375</v>
      </c>
      <c r="J39" s="320">
        <v>0.21929809867090463</v>
      </c>
      <c r="K39" s="315">
        <v>4.2712866502012371E-2</v>
      </c>
      <c r="L39" s="320">
        <v>0.17426824468730712</v>
      </c>
      <c r="M39" s="315">
        <v>3.9271278656824421E-2</v>
      </c>
      <c r="N39" s="320">
        <v>0.60643365664178683</v>
      </c>
      <c r="O39" s="315">
        <v>5.0214288137453954E-2</v>
      </c>
      <c r="P39" s="319">
        <v>356</v>
      </c>
      <c r="Q39" s="320">
        <v>0.21137750988461954</v>
      </c>
      <c r="R39" s="315">
        <v>4.3274055656972517E-2</v>
      </c>
      <c r="S39" s="320">
        <v>0.17091258826019451</v>
      </c>
      <c r="T39" s="315">
        <v>4.0013156048342872E-2</v>
      </c>
      <c r="U39" s="320">
        <v>0.61770990185518482</v>
      </c>
      <c r="V39" s="315">
        <v>5.1256497812854254E-2</v>
      </c>
      <c r="W39" s="319">
        <v>379</v>
      </c>
      <c r="X39" s="320">
        <v>0.21340357065761784</v>
      </c>
      <c r="Y39" s="315">
        <v>4.20827474893073E-2</v>
      </c>
      <c r="Z39" s="320">
        <v>7.4941698964861456E-2</v>
      </c>
      <c r="AA39" s="315">
        <v>2.7626682320154458E-2</v>
      </c>
      <c r="AB39" s="320">
        <v>0.7116547303775197</v>
      </c>
      <c r="AC39" s="315">
        <v>4.6398558492673735E-2</v>
      </c>
      <c r="AD39" s="319">
        <v>435</v>
      </c>
      <c r="AE39" s="320">
        <v>0.44080889442412685</v>
      </c>
      <c r="AF39" s="315">
        <v>4.7397891097609071E-2</v>
      </c>
      <c r="AG39" s="320">
        <v>0.12159539945304126</v>
      </c>
      <c r="AH39" s="315">
        <v>3.1573388660635991E-2</v>
      </c>
      <c r="AI39" s="320">
        <v>0.43759570612283044</v>
      </c>
      <c r="AJ39" s="315">
        <v>4.7361003677771921E-2</v>
      </c>
      <c r="AK39" s="319">
        <v>362</v>
      </c>
      <c r="AL39" s="320">
        <v>0.47726263714819245</v>
      </c>
      <c r="AM39" s="315">
        <v>5.2217938719598858E-2</v>
      </c>
      <c r="AN39" s="320">
        <v>0.12615720163851249</v>
      </c>
      <c r="AO39" s="315">
        <v>3.5185643231653067E-2</v>
      </c>
      <c r="AP39" s="320">
        <v>0.39658016121329409</v>
      </c>
      <c r="AQ39" s="315">
        <v>5.1165310611946797E-2</v>
      </c>
      <c r="AR39" s="319">
        <v>426</v>
      </c>
      <c r="AS39" s="320">
        <v>0.48556482316850286</v>
      </c>
      <c r="AT39" s="315">
        <v>4.8204552942377576E-2</v>
      </c>
      <c r="AU39" s="320">
        <v>0.10851247540050477</v>
      </c>
      <c r="AV39" s="315">
        <v>3.0434932621178693E-2</v>
      </c>
      <c r="AW39" s="320">
        <v>0.4059227014309913</v>
      </c>
      <c r="AX39" s="315">
        <v>4.7379060942925683E-2</v>
      </c>
      <c r="AY39" s="319">
        <v>338</v>
      </c>
      <c r="AZ39" s="320">
        <v>0.18057630310196704</v>
      </c>
      <c r="BA39" s="315">
        <v>4.1933007871289382E-2</v>
      </c>
      <c r="BB39" s="320">
        <v>0.14916638484659603</v>
      </c>
      <c r="BC39" s="315">
        <v>3.8959883466594493E-2</v>
      </c>
      <c r="BD39" s="320">
        <v>0.67025731205143568</v>
      </c>
      <c r="BE39" s="315">
        <v>5.0919791733677694E-2</v>
      </c>
      <c r="BF39" s="319">
        <v>435</v>
      </c>
      <c r="BG39" s="320">
        <v>0.39534251375533103</v>
      </c>
      <c r="BH39" s="315">
        <v>4.6689543518013819E-2</v>
      </c>
      <c r="BI39" s="320">
        <v>0.18458469767769078</v>
      </c>
      <c r="BJ39" s="315">
        <v>3.7254025364586899E-2</v>
      </c>
      <c r="BK39" s="320">
        <v>0.42007278856697733</v>
      </c>
      <c r="BL39" s="315">
        <v>4.712485496065888E-2</v>
      </c>
      <c r="BM39" s="319">
        <v>423</v>
      </c>
      <c r="BN39" s="320">
        <v>0.26767403684795732</v>
      </c>
      <c r="BO39" s="315">
        <v>4.2961903297575682E-2</v>
      </c>
      <c r="BP39" s="320">
        <v>0.10450225938550252</v>
      </c>
      <c r="BQ39" s="315">
        <v>3.0066026886303492E-2</v>
      </c>
      <c r="BR39" s="320">
        <v>0.62782370376653907</v>
      </c>
      <c r="BS39" s="315">
        <v>4.6815776496627423E-2</v>
      </c>
      <c r="BT39" s="319">
        <v>308</v>
      </c>
      <c r="BU39" s="320">
        <v>0.3402060011741519</v>
      </c>
      <c r="BV39" s="315">
        <v>5.3722506634310468E-2</v>
      </c>
      <c r="BW39" s="320">
        <v>0.13431545166851949</v>
      </c>
      <c r="BX39" s="315">
        <v>3.9171169783900638E-2</v>
      </c>
      <c r="BY39" s="320">
        <v>0.52547854715732867</v>
      </c>
      <c r="BZ39" s="315">
        <v>5.6542176448864799E-2</v>
      </c>
    </row>
    <row r="40" spans="1:78">
      <c r="A40" s="44" t="s">
        <v>533</v>
      </c>
      <c r="B40" s="210">
        <v>1711</v>
      </c>
      <c r="C40" s="214">
        <v>0.33469699541759751</v>
      </c>
      <c r="D40" s="92">
        <v>2.2795950332164378E-2</v>
      </c>
      <c r="E40" s="214">
        <v>0.12825745847469983</v>
      </c>
      <c r="F40" s="92">
        <v>1.6194975348843999E-2</v>
      </c>
      <c r="G40" s="214">
        <v>0.53704554610770261</v>
      </c>
      <c r="H40" s="92">
        <v>2.4081204786920631E-2</v>
      </c>
      <c r="I40" s="210">
        <v>1709</v>
      </c>
      <c r="J40" s="214">
        <v>0.28526738507421362</v>
      </c>
      <c r="K40" s="92">
        <v>2.1831226243088937E-2</v>
      </c>
      <c r="L40" s="214">
        <v>0.18641354150709816</v>
      </c>
      <c r="M40" s="92">
        <v>1.8847236356772615E-2</v>
      </c>
      <c r="N40" s="214">
        <v>0.52831907341868944</v>
      </c>
      <c r="O40" s="92">
        <v>2.4122753357004065E-2</v>
      </c>
      <c r="P40" s="210">
        <v>1592</v>
      </c>
      <c r="Q40" s="214">
        <v>0.28422648412578988</v>
      </c>
      <c r="R40" s="92">
        <v>2.2593435729382161E-2</v>
      </c>
      <c r="S40" s="214">
        <v>0.17815796058140101</v>
      </c>
      <c r="T40" s="92">
        <v>1.9190135606899181E-2</v>
      </c>
      <c r="U40" s="214">
        <v>0.53761555529281135</v>
      </c>
      <c r="V40" s="92">
        <v>2.4960728728942901E-2</v>
      </c>
      <c r="W40" s="210">
        <v>1631</v>
      </c>
      <c r="X40" s="214">
        <v>0.3742396873111048</v>
      </c>
      <c r="Y40" s="92">
        <v>2.3939865262434114E-2</v>
      </c>
      <c r="Z40" s="214">
        <v>0.10004413655619368</v>
      </c>
      <c r="AA40" s="92">
        <v>1.4905783761288101E-2</v>
      </c>
      <c r="AB40" s="214">
        <v>0.52571617613270316</v>
      </c>
      <c r="AC40" s="92">
        <v>2.4698396493745355E-2</v>
      </c>
      <c r="AD40" s="210">
        <v>1794</v>
      </c>
      <c r="AE40" s="214">
        <v>0.474299033071585</v>
      </c>
      <c r="AF40" s="92">
        <v>2.3552294123057139E-2</v>
      </c>
      <c r="AG40" s="214">
        <v>0.13735914538368937</v>
      </c>
      <c r="AH40" s="92">
        <v>1.6275990873420448E-2</v>
      </c>
      <c r="AI40" s="214">
        <v>0.38834182154473135</v>
      </c>
      <c r="AJ40" s="92">
        <v>2.2990439684646098E-2</v>
      </c>
      <c r="AK40" s="210">
        <v>1580</v>
      </c>
      <c r="AL40" s="214">
        <v>0.53165466167027486</v>
      </c>
      <c r="AM40" s="92">
        <v>2.5075796043627283E-2</v>
      </c>
      <c r="AN40" s="214">
        <v>0.14024513861877475</v>
      </c>
      <c r="AO40" s="92">
        <v>1.7496700174916016E-2</v>
      </c>
      <c r="AP40" s="214">
        <v>0.32810019971095328</v>
      </c>
      <c r="AQ40" s="92">
        <v>2.3602319177150874E-2</v>
      </c>
      <c r="AR40" s="210">
        <v>1851</v>
      </c>
      <c r="AS40" s="214">
        <v>0.6144567023512848</v>
      </c>
      <c r="AT40" s="92">
        <v>2.260434801969825E-2</v>
      </c>
      <c r="AU40" s="214">
        <v>0.13255579671876982</v>
      </c>
      <c r="AV40" s="92">
        <v>1.5786063365429866E-2</v>
      </c>
      <c r="AW40" s="214">
        <v>0.25298750092995137</v>
      </c>
      <c r="AX40" s="92">
        <v>2.0201021020653787E-2</v>
      </c>
      <c r="AY40" s="210">
        <v>1577</v>
      </c>
      <c r="AZ40" s="214">
        <v>0.23843175369067801</v>
      </c>
      <c r="BA40" s="92">
        <v>2.1454263633772688E-2</v>
      </c>
      <c r="BB40" s="214">
        <v>0.14030544859584582</v>
      </c>
      <c r="BC40" s="92">
        <v>1.7516499974608996E-2</v>
      </c>
      <c r="BD40" s="214">
        <v>0.62126279771347703</v>
      </c>
      <c r="BE40" s="92">
        <v>2.4402779088991938E-2</v>
      </c>
      <c r="BF40" s="210">
        <v>1809</v>
      </c>
      <c r="BG40" s="214">
        <v>0.41165681378353391</v>
      </c>
      <c r="BH40" s="92">
        <v>2.3117717480997647E-2</v>
      </c>
      <c r="BI40" s="214">
        <v>0.15999204377333653</v>
      </c>
      <c r="BJ40" s="92">
        <v>1.7252170434129958E-2</v>
      </c>
      <c r="BK40" s="214">
        <v>0.4283511424431346</v>
      </c>
      <c r="BL40" s="92">
        <v>2.3244263670395952E-2</v>
      </c>
      <c r="BM40" s="210">
        <v>1868</v>
      </c>
      <c r="BN40" s="214">
        <v>0.45694075281004259</v>
      </c>
      <c r="BO40" s="92">
        <v>2.3027010165190695E-2</v>
      </c>
      <c r="BP40" s="214">
        <v>0.14297388565763755</v>
      </c>
      <c r="BQ40" s="92">
        <v>1.6216780985486467E-2</v>
      </c>
      <c r="BR40" s="214">
        <v>0.4000853615323246</v>
      </c>
      <c r="BS40" s="92">
        <v>2.264835617683544E-2</v>
      </c>
      <c r="BT40" s="210">
        <v>1302</v>
      </c>
      <c r="BU40" s="214">
        <v>0.46941133815424885</v>
      </c>
      <c r="BV40" s="92">
        <v>2.7619713340838355E-2</v>
      </c>
      <c r="BW40" s="214">
        <v>0.14806140882370533</v>
      </c>
      <c r="BX40" s="92">
        <v>1.9714406894741104E-2</v>
      </c>
      <c r="BY40" s="214">
        <v>0.38252725302204849</v>
      </c>
      <c r="BZ40" s="92">
        <v>2.6901473925876294E-2</v>
      </c>
    </row>
    <row r="41" spans="1:78">
      <c r="A41" s="40" t="s">
        <v>534</v>
      </c>
      <c r="B41" s="319">
        <v>1618</v>
      </c>
      <c r="C41" s="320">
        <v>0.38710791793953025</v>
      </c>
      <c r="D41" s="315">
        <v>2.4191904318014198E-2</v>
      </c>
      <c r="E41" s="320">
        <v>0.13230798544507436</v>
      </c>
      <c r="F41" s="315">
        <v>1.6874716314066604E-2</v>
      </c>
      <c r="G41" s="320">
        <v>0.48058409661540014</v>
      </c>
      <c r="H41" s="315">
        <v>2.4811242018798512E-2</v>
      </c>
      <c r="I41" s="319">
        <v>1620</v>
      </c>
      <c r="J41" s="320">
        <v>0.34785205358864135</v>
      </c>
      <c r="K41" s="315">
        <v>2.3643748402384115E-2</v>
      </c>
      <c r="L41" s="320">
        <v>0.20331764075292341</v>
      </c>
      <c r="M41" s="315">
        <v>2.0000778424696448E-2</v>
      </c>
      <c r="N41" s="320">
        <v>0.44883030565844101</v>
      </c>
      <c r="O41" s="315">
        <v>2.4684938104840543E-2</v>
      </c>
      <c r="P41" s="319">
        <v>1510</v>
      </c>
      <c r="Q41" s="320">
        <v>0.3412340979129922</v>
      </c>
      <c r="R41" s="315">
        <v>2.4377394108501552E-2</v>
      </c>
      <c r="S41" s="320">
        <v>0.18556964814567642</v>
      </c>
      <c r="T41" s="315">
        <v>2.0016853902176654E-2</v>
      </c>
      <c r="U41" s="320">
        <v>0.47319625394133835</v>
      </c>
      <c r="V41" s="315">
        <v>2.56634734923149E-2</v>
      </c>
      <c r="W41" s="319">
        <v>1546</v>
      </c>
      <c r="X41" s="320">
        <v>0.47224086285954775</v>
      </c>
      <c r="Y41" s="315">
        <v>2.5361052298679611E-2</v>
      </c>
      <c r="Z41" s="320">
        <v>0.11915474159667777</v>
      </c>
      <c r="AA41" s="315">
        <v>1.6516231141454674E-2</v>
      </c>
      <c r="AB41" s="320">
        <v>0.40860439554377836</v>
      </c>
      <c r="AC41" s="315">
        <v>2.4974304261532635E-2</v>
      </c>
      <c r="AD41" s="319">
        <v>1697</v>
      </c>
      <c r="AE41" s="320">
        <v>0.50188600728274002</v>
      </c>
      <c r="AF41" s="315">
        <v>2.424626056786644E-2</v>
      </c>
      <c r="AG41" s="320">
        <v>0.15470676671202616</v>
      </c>
      <c r="AH41" s="315">
        <v>1.7573740771411491E-2</v>
      </c>
      <c r="AI41" s="320">
        <v>0.34340722600523671</v>
      </c>
      <c r="AJ41" s="315">
        <v>2.3032522773469146E-2</v>
      </c>
      <c r="AK41" s="319">
        <v>1501</v>
      </c>
      <c r="AL41" s="320">
        <v>0.5519397557410014</v>
      </c>
      <c r="AM41" s="315">
        <v>2.5638249190183759E-2</v>
      </c>
      <c r="AN41" s="320">
        <v>0.17976142447297053</v>
      </c>
      <c r="AO41" s="315">
        <v>1.9832632673875698E-2</v>
      </c>
      <c r="AP41" s="320">
        <v>0.26829881978603459</v>
      </c>
      <c r="AQ41" s="315">
        <v>2.2858778053219543E-2</v>
      </c>
      <c r="AR41" s="319">
        <v>1755</v>
      </c>
      <c r="AS41" s="320">
        <v>0.67365865634951727</v>
      </c>
      <c r="AT41" s="315">
        <v>2.2366001559317381E-2</v>
      </c>
      <c r="AU41" s="320">
        <v>0.14750450712483951</v>
      </c>
      <c r="AV41" s="315">
        <v>1.6947995415386111E-2</v>
      </c>
      <c r="AW41" s="320">
        <v>0.17883683652564436</v>
      </c>
      <c r="AX41" s="315">
        <v>1.8303412110549522E-2</v>
      </c>
      <c r="AY41" s="319">
        <v>1495</v>
      </c>
      <c r="AZ41" s="320">
        <v>0.28567329460041224</v>
      </c>
      <c r="BA41" s="315">
        <v>2.3349243422545737E-2</v>
      </c>
      <c r="BB41" s="320">
        <v>0.15146966798538822</v>
      </c>
      <c r="BC41" s="315">
        <v>1.8565933423633E-2</v>
      </c>
      <c r="BD41" s="320">
        <v>0.56285703741420523</v>
      </c>
      <c r="BE41" s="315">
        <v>2.5624686375835214E-2</v>
      </c>
      <c r="BF41" s="319">
        <v>1710</v>
      </c>
      <c r="BG41" s="320">
        <v>0.43898369784387414</v>
      </c>
      <c r="BH41" s="315">
        <v>2.397462522062915E-2</v>
      </c>
      <c r="BI41" s="320">
        <v>0.17907289293419537</v>
      </c>
      <c r="BJ41" s="315">
        <v>1.8552392038476865E-2</v>
      </c>
      <c r="BK41" s="320">
        <v>0.3819434092219342</v>
      </c>
      <c r="BL41" s="315">
        <v>2.3474588028728254E-2</v>
      </c>
      <c r="BM41" s="319">
        <v>1771</v>
      </c>
      <c r="BN41" s="320">
        <v>0.55226496274459047</v>
      </c>
      <c r="BO41" s="315">
        <v>2.3606190229095103E-2</v>
      </c>
      <c r="BP41" s="320">
        <v>0.15761018306951693</v>
      </c>
      <c r="BQ41" s="315">
        <v>1.7331692506558031E-2</v>
      </c>
      <c r="BR41" s="320">
        <v>0.29012485418589506</v>
      </c>
      <c r="BS41" s="315">
        <v>2.1553770234298188E-2</v>
      </c>
      <c r="BT41" s="319">
        <v>1228</v>
      </c>
      <c r="BU41" s="320">
        <v>0.53774980344255274</v>
      </c>
      <c r="BV41" s="315">
        <v>2.8409356360406722E-2</v>
      </c>
      <c r="BW41" s="320">
        <v>0.17526488002362098</v>
      </c>
      <c r="BX41" s="315">
        <v>2.1714704853016617E-2</v>
      </c>
      <c r="BY41" s="320">
        <v>0.28698531653382975</v>
      </c>
      <c r="BZ41" s="315">
        <v>2.5793819783808417E-2</v>
      </c>
    </row>
    <row r="42" spans="1:78">
      <c r="A42" s="44" t="s">
        <v>535</v>
      </c>
      <c r="B42" s="210">
        <v>303</v>
      </c>
      <c r="C42" s="214">
        <v>0.39633858046338544</v>
      </c>
      <c r="D42" s="92">
        <v>5.5865415738632795E-2</v>
      </c>
      <c r="E42" s="214">
        <v>0.14273732393975103</v>
      </c>
      <c r="F42" s="92">
        <v>4.0464364505250705E-2</v>
      </c>
      <c r="G42" s="214">
        <v>0.46092409559686437</v>
      </c>
      <c r="H42" s="92">
        <v>5.6902980932080134E-2</v>
      </c>
      <c r="I42" s="210">
        <v>299</v>
      </c>
      <c r="J42" s="214">
        <v>0.33053314825104169</v>
      </c>
      <c r="K42" s="92">
        <v>5.4140050504361791E-2</v>
      </c>
      <c r="L42" s="214">
        <v>0.24977724878749308</v>
      </c>
      <c r="M42" s="92">
        <v>4.9954536441581786E-2</v>
      </c>
      <c r="N42" s="214">
        <v>0.41968960296146562</v>
      </c>
      <c r="O42" s="92">
        <v>5.6722287606987214E-2</v>
      </c>
      <c r="P42" s="210">
        <v>279</v>
      </c>
      <c r="Q42" s="214">
        <v>0.30018140654386938</v>
      </c>
      <c r="R42" s="92">
        <v>5.4635734928243772E-2</v>
      </c>
      <c r="S42" s="214">
        <v>0.20408742954801631</v>
      </c>
      <c r="T42" s="92">
        <v>4.8276818355402089E-2</v>
      </c>
      <c r="U42" s="214">
        <v>0.49573116390811378</v>
      </c>
      <c r="V42" s="92">
        <v>5.9441724115810203E-2</v>
      </c>
      <c r="W42" s="210">
        <v>287</v>
      </c>
      <c r="X42" s="214">
        <v>0.33960914463756658</v>
      </c>
      <c r="Y42" s="92">
        <v>5.5609974086220947E-2</v>
      </c>
      <c r="Z42" s="214">
        <v>0.13589002188192598</v>
      </c>
      <c r="AA42" s="92">
        <v>4.0790063046644745E-2</v>
      </c>
      <c r="AB42" s="214">
        <v>0.52450083348050791</v>
      </c>
      <c r="AC42" s="92">
        <v>5.8552540341610566E-2</v>
      </c>
      <c r="AD42" s="210">
        <v>329</v>
      </c>
      <c r="AE42" s="214">
        <v>0.52128118270451618</v>
      </c>
      <c r="AF42" s="92">
        <v>5.4751189999106609E-2</v>
      </c>
      <c r="AG42" s="214">
        <v>0.16966407451619181</v>
      </c>
      <c r="AH42" s="92">
        <v>4.1515433886983359E-2</v>
      </c>
      <c r="AI42" s="214">
        <v>0.30905474277929312</v>
      </c>
      <c r="AJ42" s="92">
        <v>5.0749406846780518E-2</v>
      </c>
      <c r="AK42" s="210">
        <v>294</v>
      </c>
      <c r="AL42" s="214">
        <v>0.54705247789143019</v>
      </c>
      <c r="AM42" s="92">
        <v>5.7678244296239155E-2</v>
      </c>
      <c r="AN42" s="214">
        <v>0.17185547495242376</v>
      </c>
      <c r="AO42" s="92">
        <v>4.4146260384416179E-2</v>
      </c>
      <c r="AP42" s="214">
        <v>0.28109204715614644</v>
      </c>
      <c r="AQ42" s="92">
        <v>5.2245822637296935E-2</v>
      </c>
      <c r="AR42" s="210">
        <v>329</v>
      </c>
      <c r="AS42" s="214">
        <v>0.56357620491711446</v>
      </c>
      <c r="AT42" s="92">
        <v>5.4365528125849993E-2</v>
      </c>
      <c r="AU42" s="214">
        <v>0.18335514445390796</v>
      </c>
      <c r="AV42" s="92">
        <v>4.2747995744436676E-2</v>
      </c>
      <c r="AW42" s="214">
        <v>0.25306865062897865</v>
      </c>
      <c r="AX42" s="92">
        <v>4.7833667984611743E-2</v>
      </c>
      <c r="AY42" s="210">
        <v>281</v>
      </c>
      <c r="AZ42" s="214">
        <v>0.31818705259003549</v>
      </c>
      <c r="BA42" s="92">
        <v>5.5297019611565371E-2</v>
      </c>
      <c r="BB42" s="214">
        <v>0.15458711436928504</v>
      </c>
      <c r="BC42" s="92">
        <v>4.3369564987600695E-2</v>
      </c>
      <c r="BD42" s="214">
        <v>0.52722583304067916</v>
      </c>
      <c r="BE42" s="92">
        <v>5.9149458618241009E-2</v>
      </c>
      <c r="BF42" s="210">
        <v>340</v>
      </c>
      <c r="BG42" s="214">
        <v>0.46863952086009997</v>
      </c>
      <c r="BH42" s="92">
        <v>5.3812687510776502E-2</v>
      </c>
      <c r="BI42" s="214">
        <v>0.18489485163458838</v>
      </c>
      <c r="BJ42" s="92">
        <v>4.2179629634131376E-2</v>
      </c>
      <c r="BK42" s="214">
        <v>0.34646562750531307</v>
      </c>
      <c r="BL42" s="92">
        <v>5.1373259486079279E-2</v>
      </c>
      <c r="BM42" s="210">
        <v>339</v>
      </c>
      <c r="BN42" s="214">
        <v>0.46015067074724647</v>
      </c>
      <c r="BO42" s="92">
        <v>5.3827155856500435E-2</v>
      </c>
      <c r="BP42" s="214">
        <v>0.15639907405328393</v>
      </c>
      <c r="BQ42" s="92">
        <v>3.9630357774133068E-2</v>
      </c>
      <c r="BR42" s="214">
        <v>0.38345025519947123</v>
      </c>
      <c r="BS42" s="92">
        <v>5.2542486924997606E-2</v>
      </c>
      <c r="BT42" s="210">
        <v>228</v>
      </c>
      <c r="BU42" s="214">
        <v>0.51400045374773828</v>
      </c>
      <c r="BV42" s="92">
        <v>6.5628353850049947E-2</v>
      </c>
      <c r="BW42" s="214">
        <v>0.18122120586964016</v>
      </c>
      <c r="BX42" s="92">
        <v>5.1168081293548481E-2</v>
      </c>
      <c r="BY42" s="214">
        <v>0.30477834038262136</v>
      </c>
      <c r="BZ42" s="92">
        <v>6.0627660116061147E-2</v>
      </c>
    </row>
    <row r="43" spans="1:78">
      <c r="A43" s="40" t="s">
        <v>536</v>
      </c>
      <c r="B43" s="319">
        <v>63</v>
      </c>
      <c r="C43" s="320">
        <v>0.44669530014280978</v>
      </c>
      <c r="D43" s="315">
        <v>0.12155405457208364</v>
      </c>
      <c r="E43" s="320">
        <v>0.11870888145922391</v>
      </c>
      <c r="F43" s="315">
        <v>8.5154137151618042E-2</v>
      </c>
      <c r="G43" s="320">
        <v>0.43459581839796535</v>
      </c>
      <c r="H43" s="315">
        <v>0.12124178805626881</v>
      </c>
      <c r="I43" s="319">
        <v>65</v>
      </c>
      <c r="J43" s="320">
        <v>0.38732059957983117</v>
      </c>
      <c r="K43" s="315">
        <v>0.11764174525901118</v>
      </c>
      <c r="L43" s="320">
        <v>0.26110760006049877</v>
      </c>
      <c r="M43" s="315">
        <v>0.10750271820760167</v>
      </c>
      <c r="N43" s="320">
        <v>0.35157180035966912</v>
      </c>
      <c r="O43" s="315">
        <v>0.11558279354785848</v>
      </c>
      <c r="P43" s="319">
        <v>57</v>
      </c>
      <c r="Q43" s="320">
        <v>0.30192545563183448</v>
      </c>
      <c r="R43" s="315">
        <v>0.11894154900702957</v>
      </c>
      <c r="S43" s="320">
        <v>0.24662808928885574</v>
      </c>
      <c r="T43" s="315">
        <v>0.11277307924012063</v>
      </c>
      <c r="U43" s="320">
        <v>0.45144645507930881</v>
      </c>
      <c r="V43" s="315">
        <v>0.12750868560211648</v>
      </c>
      <c r="W43" s="319">
        <v>60</v>
      </c>
      <c r="X43" s="320">
        <v>0.39333415441943037</v>
      </c>
      <c r="Y43" s="315">
        <v>0.12247452642107119</v>
      </c>
      <c r="Z43" s="320">
        <v>0.15722946751869188</v>
      </c>
      <c r="AA43" s="315">
        <v>9.5765294174735158E-2</v>
      </c>
      <c r="AB43" s="320">
        <v>0.44943637806187675</v>
      </c>
      <c r="AC43" s="315">
        <v>0.12443696147264673</v>
      </c>
      <c r="AD43" s="319">
        <v>68</v>
      </c>
      <c r="AE43" s="320">
        <v>0.46287225419058642</v>
      </c>
      <c r="AF43" s="315">
        <v>0.11756096272770229</v>
      </c>
      <c r="AG43" s="320">
        <v>0.22958977103111244</v>
      </c>
      <c r="AH43" s="315">
        <v>0.10131832571746265</v>
      </c>
      <c r="AI43" s="320">
        <v>0.30753797477830019</v>
      </c>
      <c r="AJ43" s="315">
        <v>0.10978761810883414</v>
      </c>
      <c r="AK43" s="319">
        <v>59</v>
      </c>
      <c r="AL43" s="320">
        <v>0.48360287737983393</v>
      </c>
      <c r="AM43" s="315">
        <v>0.1259287256649454</v>
      </c>
      <c r="AN43" s="320">
        <v>0.21710916099373201</v>
      </c>
      <c r="AO43" s="315">
        <v>0.10684875874308364</v>
      </c>
      <c r="AP43" s="320">
        <v>0.29928796162643301</v>
      </c>
      <c r="AQ43" s="315">
        <v>0.11674633314034769</v>
      </c>
      <c r="AR43" s="319">
        <v>69</v>
      </c>
      <c r="AS43" s="320">
        <v>0.63449193471956666</v>
      </c>
      <c r="AT43" s="315">
        <v>0.11319515612998943</v>
      </c>
      <c r="AU43" s="320">
        <v>0.19629163977135547</v>
      </c>
      <c r="AV43" s="315">
        <v>9.5828799615715721E-2</v>
      </c>
      <c r="AW43" s="320">
        <v>0.16921642550907712</v>
      </c>
      <c r="AX43" s="315">
        <v>9.1335508389653763E-2</v>
      </c>
      <c r="AY43" s="319">
        <v>61</v>
      </c>
      <c r="AZ43" s="320">
        <v>0.40579827759750586</v>
      </c>
      <c r="BA43" s="315">
        <v>0.12208058125603907</v>
      </c>
      <c r="BB43" s="320">
        <v>0.20285380968526642</v>
      </c>
      <c r="BC43" s="315">
        <v>0.10295240104274719</v>
      </c>
      <c r="BD43" s="320">
        <v>0.39134791271722663</v>
      </c>
      <c r="BE43" s="315">
        <v>0.12142816163364503</v>
      </c>
      <c r="BF43" s="319">
        <v>75</v>
      </c>
      <c r="BG43" s="320">
        <v>0.52144754658246506</v>
      </c>
      <c r="BH43" s="315">
        <v>0.11241546032123372</v>
      </c>
      <c r="BI43" s="320">
        <v>0.18764994732810167</v>
      </c>
      <c r="BJ43" s="315">
        <v>9.0586577016312328E-2</v>
      </c>
      <c r="BK43" s="320">
        <v>0.2909025060894328</v>
      </c>
      <c r="BL43" s="315">
        <v>0.10326166078630228</v>
      </c>
      <c r="BM43" s="319">
        <v>71</v>
      </c>
      <c r="BN43" s="320">
        <v>0.4818272839421992</v>
      </c>
      <c r="BO43" s="315">
        <v>0.11540168443177917</v>
      </c>
      <c r="BP43" s="320">
        <v>0.17934589123792999</v>
      </c>
      <c r="BQ43" s="315">
        <v>9.1754991309658807E-2</v>
      </c>
      <c r="BR43" s="320">
        <v>0.33882682481986992</v>
      </c>
      <c r="BS43" s="315">
        <v>0.10996246048302943</v>
      </c>
      <c r="BT43" s="319">
        <v>44</v>
      </c>
      <c r="BU43" s="320">
        <v>0.4710689250043148</v>
      </c>
      <c r="BV43" s="315">
        <v>0.14413439374812853</v>
      </c>
      <c r="BW43" s="320">
        <v>0.29888772520159601</v>
      </c>
      <c r="BX43" s="315">
        <v>0.13416842692939204</v>
      </c>
      <c r="BY43" s="320">
        <v>0.23004334979408878</v>
      </c>
      <c r="BZ43" s="315">
        <v>0.12542043240969347</v>
      </c>
    </row>
    <row r="44" spans="1:78">
      <c r="A44" s="44" t="s">
        <v>537</v>
      </c>
      <c r="B44" s="210">
        <v>93</v>
      </c>
      <c r="C44" s="214">
        <v>0.44881380312719732</v>
      </c>
      <c r="D44" s="92">
        <v>0.10104436150929265</v>
      </c>
      <c r="E44" s="214">
        <v>0.23349060462064469</v>
      </c>
      <c r="F44" s="92">
        <v>8.727486583965352E-2</v>
      </c>
      <c r="G44" s="214">
        <v>0.31769559225215876</v>
      </c>
      <c r="H44" s="92">
        <v>9.5128694041619569E-2</v>
      </c>
      <c r="I44" s="210">
        <v>92</v>
      </c>
      <c r="J44" s="214">
        <v>0.31604844544431182</v>
      </c>
      <c r="K44" s="92">
        <v>9.5508055204471851E-2</v>
      </c>
      <c r="L44" s="214">
        <v>0.26264463202114252</v>
      </c>
      <c r="M44" s="92">
        <v>9.0888993321563444E-2</v>
      </c>
      <c r="N44" s="214">
        <v>0.42130692253454571</v>
      </c>
      <c r="O44" s="92">
        <v>0.1008944784071731</v>
      </c>
      <c r="P44" s="210">
        <v>84</v>
      </c>
      <c r="Q44" s="214">
        <v>0.33195157086432964</v>
      </c>
      <c r="R44" s="92">
        <v>0.10096549263696968</v>
      </c>
      <c r="S44" s="214">
        <v>0.18775082100658996</v>
      </c>
      <c r="T44" s="92">
        <v>8.5589559766333381E-2</v>
      </c>
      <c r="U44" s="214">
        <v>0.48029760812907979</v>
      </c>
      <c r="V44" s="92">
        <v>0.1065249230756176</v>
      </c>
      <c r="W44" s="210">
        <v>84</v>
      </c>
      <c r="X44" s="214">
        <v>0.22157672301682793</v>
      </c>
      <c r="Y44" s="92">
        <v>9.0294352921918522E-2</v>
      </c>
      <c r="Z44" s="214">
        <v>0.12967426494910253</v>
      </c>
      <c r="AA44" s="92">
        <v>7.5390763164603733E-2</v>
      </c>
      <c r="AB44" s="214">
        <v>0.64874901203406976</v>
      </c>
      <c r="AC44" s="92">
        <v>0.1022117888036793</v>
      </c>
      <c r="AD44" s="210">
        <v>99</v>
      </c>
      <c r="AE44" s="214">
        <v>0.482539326466283</v>
      </c>
      <c r="AF44" s="92">
        <v>9.8477407532200231E-2</v>
      </c>
      <c r="AG44" s="214">
        <v>0.17360381809765724</v>
      </c>
      <c r="AH44" s="92">
        <v>7.6724038046983939E-2</v>
      </c>
      <c r="AI44" s="214">
        <v>0.34385685543606015</v>
      </c>
      <c r="AJ44" s="92">
        <v>9.3989504427255191E-2</v>
      </c>
      <c r="AK44" s="210">
        <v>88</v>
      </c>
      <c r="AL44" s="214">
        <v>0.52984204956787262</v>
      </c>
      <c r="AM44" s="92">
        <v>0.10408717240683066</v>
      </c>
      <c r="AN44" s="214">
        <v>0.14735242594983458</v>
      </c>
      <c r="AO44" s="92">
        <v>7.6958075257995542E-2</v>
      </c>
      <c r="AP44" s="214">
        <v>0.32280552448229227</v>
      </c>
      <c r="AQ44" s="92">
        <v>9.808448337013792E-2</v>
      </c>
      <c r="AR44" s="210">
        <v>96</v>
      </c>
      <c r="AS44" s="214">
        <v>0.52428437715715104</v>
      </c>
      <c r="AT44" s="92">
        <v>9.9891241644989845E-2</v>
      </c>
      <c r="AU44" s="214">
        <v>0.23403462300653355</v>
      </c>
      <c r="AV44" s="92">
        <v>8.5978658898740817E-2</v>
      </c>
      <c r="AW44" s="214">
        <v>0.24168099983631589</v>
      </c>
      <c r="AX44" s="92">
        <v>8.6833823984142702E-2</v>
      </c>
      <c r="AY44" s="210">
        <v>87</v>
      </c>
      <c r="AZ44" s="214">
        <v>0.31973813027993464</v>
      </c>
      <c r="BA44" s="92">
        <v>9.8404752929778433E-2</v>
      </c>
      <c r="BB44" s="214">
        <v>0.24473033916886408</v>
      </c>
      <c r="BC44" s="92">
        <v>9.1493127729596418E-2</v>
      </c>
      <c r="BD44" s="214">
        <v>0.43553153055120064</v>
      </c>
      <c r="BE44" s="92">
        <v>0.10402898263065607</v>
      </c>
      <c r="BF44" s="210">
        <v>98</v>
      </c>
      <c r="BG44" s="214">
        <v>0.51941079934886913</v>
      </c>
      <c r="BH44" s="92">
        <v>9.8945854223748714E-2</v>
      </c>
      <c r="BI44" s="214">
        <v>0.19186547624745412</v>
      </c>
      <c r="BJ44" s="92">
        <v>7.9792356454889621E-2</v>
      </c>
      <c r="BK44" s="214">
        <v>0.28872372440367716</v>
      </c>
      <c r="BL44" s="92">
        <v>9.0487715935220064E-2</v>
      </c>
      <c r="BM44" s="210">
        <v>100</v>
      </c>
      <c r="BN44" s="214">
        <v>0.46110165300897654</v>
      </c>
      <c r="BO44" s="92">
        <v>9.7783330180733152E-2</v>
      </c>
      <c r="BP44" s="214">
        <v>0.17443714277568825</v>
      </c>
      <c r="BQ44" s="92">
        <v>7.6461453725064063E-2</v>
      </c>
      <c r="BR44" s="214">
        <v>0.36446120421533579</v>
      </c>
      <c r="BS44" s="92">
        <v>9.466848938246053E-2</v>
      </c>
      <c r="BT44" s="210">
        <v>75</v>
      </c>
      <c r="BU44" s="214">
        <v>0.43424176644314599</v>
      </c>
      <c r="BV44" s="92">
        <v>0.11162837465917491</v>
      </c>
      <c r="BW44" s="214">
        <v>0.1992167262313714</v>
      </c>
      <c r="BX44" s="92">
        <v>9.2355685863036885E-2</v>
      </c>
      <c r="BY44" s="214">
        <v>0.36654150732548163</v>
      </c>
      <c r="BZ44" s="92">
        <v>0.10883661685960314</v>
      </c>
    </row>
    <row r="45" spans="1:78">
      <c r="A45" s="40" t="s">
        <v>538</v>
      </c>
      <c r="B45" s="319">
        <v>76</v>
      </c>
      <c r="C45" s="320">
        <v>0.36726549078863086</v>
      </c>
      <c r="D45" s="315">
        <v>0.10818949785749454</v>
      </c>
      <c r="E45" s="320">
        <v>0.14255432435163357</v>
      </c>
      <c r="F45" s="315">
        <v>8.2063972465587859E-2</v>
      </c>
      <c r="G45" s="320">
        <v>0.4901801848597348</v>
      </c>
      <c r="H45" s="315">
        <v>0.11178393736034406</v>
      </c>
      <c r="I45" s="319">
        <v>72</v>
      </c>
      <c r="J45" s="320">
        <v>0.25112965972979562</v>
      </c>
      <c r="K45" s="315">
        <v>0.10115428823891823</v>
      </c>
      <c r="L45" s="320">
        <v>0.23688543766128733</v>
      </c>
      <c r="M45" s="315">
        <v>9.9436900947804427E-2</v>
      </c>
      <c r="N45" s="320">
        <v>0.51198490260891594</v>
      </c>
      <c r="O45" s="315">
        <v>0.11467828776247178</v>
      </c>
      <c r="P45" s="319">
        <v>70</v>
      </c>
      <c r="Q45" s="320">
        <v>0.19498496594811282</v>
      </c>
      <c r="R45" s="315">
        <v>9.494002265596406E-2</v>
      </c>
      <c r="S45" s="320">
        <v>0.18726601323865874</v>
      </c>
      <c r="T45" s="315">
        <v>9.3717499108786934E-2</v>
      </c>
      <c r="U45" s="320">
        <v>0.61774902081322791</v>
      </c>
      <c r="V45" s="315">
        <v>0.11332649746514181</v>
      </c>
      <c r="W45" s="319">
        <v>75</v>
      </c>
      <c r="X45" s="320">
        <v>0.46119443306519359</v>
      </c>
      <c r="Y45" s="315">
        <v>0.11220297176796527</v>
      </c>
      <c r="Z45" s="320">
        <v>0.10672706433382602</v>
      </c>
      <c r="AA45" s="315">
        <v>7.4833832862124916E-2</v>
      </c>
      <c r="AB45" s="320">
        <v>0.43207850260097919</v>
      </c>
      <c r="AC45" s="315">
        <v>0.11156924753792674</v>
      </c>
      <c r="AD45" s="319">
        <v>81</v>
      </c>
      <c r="AE45" s="320">
        <v>0.50372203768736978</v>
      </c>
      <c r="AF45" s="315">
        <v>0.10846249980765717</v>
      </c>
      <c r="AG45" s="320">
        <v>0.16425684084338868</v>
      </c>
      <c r="AH45" s="315">
        <v>8.3352171054761864E-2</v>
      </c>
      <c r="AI45" s="320">
        <v>0.33202112146924101</v>
      </c>
      <c r="AJ45" s="315">
        <v>0.10275643793979239</v>
      </c>
      <c r="AK45" s="319">
        <v>74</v>
      </c>
      <c r="AL45" s="320">
        <v>0.44228459177192098</v>
      </c>
      <c r="AM45" s="315">
        <v>0.11254670129980313</v>
      </c>
      <c r="AN45" s="320">
        <v>0.20541645658464491</v>
      </c>
      <c r="AO45" s="315">
        <v>9.3888307055004463E-2</v>
      </c>
      <c r="AP45" s="320">
        <v>0.35229895164343328</v>
      </c>
      <c r="AQ45" s="315">
        <v>0.10869022695426943</v>
      </c>
      <c r="AR45" s="319">
        <v>79</v>
      </c>
      <c r="AS45" s="320">
        <v>0.64653039086887798</v>
      </c>
      <c r="AT45" s="315">
        <v>0.10540763919755028</v>
      </c>
      <c r="AU45" s="320">
        <v>0.1177771869335614</v>
      </c>
      <c r="AV45" s="315">
        <v>7.529789423208598E-2</v>
      </c>
      <c r="AW45" s="320">
        <v>0.23569242219756034</v>
      </c>
      <c r="AX45" s="315">
        <v>9.4858830793474111E-2</v>
      </c>
      <c r="AY45" s="319">
        <v>74</v>
      </c>
      <c r="AZ45" s="320">
        <v>0.2923603661367562</v>
      </c>
      <c r="BA45" s="315">
        <v>0.10406959446777753</v>
      </c>
      <c r="BB45" s="320">
        <v>2.2492363635899158E-2</v>
      </c>
      <c r="BC45" s="315">
        <v>4.7917033245840734E-2</v>
      </c>
      <c r="BD45" s="320">
        <v>0.68514727022734423</v>
      </c>
      <c r="BE45" s="315">
        <v>0.10601068783716551</v>
      </c>
      <c r="BF45" s="319">
        <v>79</v>
      </c>
      <c r="BG45" s="320">
        <v>0.40448050206448771</v>
      </c>
      <c r="BH45" s="315">
        <v>0.10793444103835503</v>
      </c>
      <c r="BI45" s="320">
        <v>0.16176144496320885</v>
      </c>
      <c r="BJ45" s="315">
        <v>8.3983930590364728E-2</v>
      </c>
      <c r="BK45" s="320">
        <v>0.43375805297230241</v>
      </c>
      <c r="BL45" s="315">
        <v>0.10888808280563826</v>
      </c>
      <c r="BM45" s="319">
        <v>82</v>
      </c>
      <c r="BN45" s="320">
        <v>0.56623128563421554</v>
      </c>
      <c r="BO45" s="315">
        <v>0.10696923735580167</v>
      </c>
      <c r="BP45" s="320">
        <v>0.16354536816455553</v>
      </c>
      <c r="BQ45" s="315">
        <v>8.2710979097242607E-2</v>
      </c>
      <c r="BR45" s="320">
        <v>0.27022334620122884</v>
      </c>
      <c r="BS45" s="315">
        <v>9.6929571414851409E-2</v>
      </c>
      <c r="BT45" s="319">
        <v>55</v>
      </c>
      <c r="BU45" s="320">
        <v>0.59186871681930053</v>
      </c>
      <c r="BV45" s="315">
        <v>0.1282650153784364</v>
      </c>
      <c r="BW45" s="320">
        <v>0.17363408638481123</v>
      </c>
      <c r="BX45" s="315">
        <v>0.10331402871124121</v>
      </c>
      <c r="BY45" s="320">
        <v>0.23449719679588746</v>
      </c>
      <c r="BZ45" s="315">
        <v>0.11311984239937156</v>
      </c>
    </row>
    <row r="46" spans="1:78">
      <c r="A46" s="44" t="s">
        <v>539</v>
      </c>
      <c r="B46" s="210">
        <v>71</v>
      </c>
      <c r="C46" s="214">
        <v>0.34786507247659432</v>
      </c>
      <c r="D46" s="92">
        <v>0.1105761717348534</v>
      </c>
      <c r="E46" s="214">
        <v>8.939826952908124E-2</v>
      </c>
      <c r="F46" s="92">
        <v>7.2630572052408207E-2</v>
      </c>
      <c r="G46" s="214">
        <v>0.56273665799432349</v>
      </c>
      <c r="H46" s="92">
        <v>0.11465257535328553</v>
      </c>
      <c r="I46" s="210">
        <v>70</v>
      </c>
      <c r="J46" s="214">
        <v>0.35806804054922203</v>
      </c>
      <c r="K46" s="92">
        <v>0.1119783431522364</v>
      </c>
      <c r="L46" s="214">
        <v>0.2419585375678884</v>
      </c>
      <c r="M46" s="92">
        <v>0.10145388327020931</v>
      </c>
      <c r="N46" s="214">
        <v>0.39997342188288848</v>
      </c>
      <c r="O46" s="92">
        <v>0.11414715621904421</v>
      </c>
      <c r="P46" s="210">
        <v>68</v>
      </c>
      <c r="Q46" s="214">
        <v>0.34145820501319979</v>
      </c>
      <c r="R46" s="92">
        <v>0.1124425171547757</v>
      </c>
      <c r="S46" s="214">
        <v>0.20409632209527864</v>
      </c>
      <c r="T46" s="92">
        <v>9.7723972353335797E-2</v>
      </c>
      <c r="U46" s="214">
        <v>0.45444547289152082</v>
      </c>
      <c r="V46" s="92">
        <v>0.11741402516861393</v>
      </c>
      <c r="W46" s="210">
        <v>68</v>
      </c>
      <c r="X46" s="214">
        <v>0.30053155841357698</v>
      </c>
      <c r="Y46" s="92">
        <v>0.10916612987522598</v>
      </c>
      <c r="Z46" s="214">
        <v>0.14779715536620697</v>
      </c>
      <c r="AA46" s="92">
        <v>8.798777637447848E-2</v>
      </c>
      <c r="AB46" s="214">
        <v>0.55167128622021522</v>
      </c>
      <c r="AC46" s="92">
        <v>0.11728846103632855</v>
      </c>
      <c r="AD46" s="210">
        <v>81</v>
      </c>
      <c r="AE46" s="214">
        <v>0.59326280226552919</v>
      </c>
      <c r="AF46" s="92">
        <v>0.10673803411253732</v>
      </c>
      <c r="AG46" s="214">
        <v>0.13671811381555438</v>
      </c>
      <c r="AH46" s="92">
        <v>7.8262023798060673E-2</v>
      </c>
      <c r="AI46" s="214">
        <v>0.27001908391891516</v>
      </c>
      <c r="AJ46" s="92">
        <v>9.7490789002384587E-2</v>
      </c>
      <c r="AK46" s="210">
        <v>73</v>
      </c>
      <c r="AL46" s="214">
        <v>0.66209440821651455</v>
      </c>
      <c r="AM46" s="92">
        <v>0.10844456995076462</v>
      </c>
      <c r="AN46" s="214">
        <v>0.14161401453102956</v>
      </c>
      <c r="AO46" s="92">
        <v>8.3606171673366522E-2</v>
      </c>
      <c r="AP46" s="214">
        <v>0.196291577252455</v>
      </c>
      <c r="AQ46" s="92">
        <v>9.3168059539195852E-2</v>
      </c>
      <c r="AR46" s="210">
        <v>85</v>
      </c>
      <c r="AS46" s="214">
        <v>0.50178540310056818</v>
      </c>
      <c r="AT46" s="92">
        <v>0.10599917159491264</v>
      </c>
      <c r="AU46" s="214">
        <v>0.18186596640491143</v>
      </c>
      <c r="AV46" s="92">
        <v>8.4183790693523039E-2</v>
      </c>
      <c r="AW46" s="214">
        <v>0.316348630494519</v>
      </c>
      <c r="AX46" s="92">
        <v>9.9263752781780443E-2</v>
      </c>
      <c r="AY46" s="210">
        <v>59</v>
      </c>
      <c r="AZ46" s="214">
        <v>0.28028871118450055</v>
      </c>
      <c r="BA46" s="92">
        <v>0.11482554341637709</v>
      </c>
      <c r="BB46" s="214">
        <v>0.15560313749515603</v>
      </c>
      <c r="BC46" s="92">
        <v>9.6271489218547099E-2</v>
      </c>
      <c r="BD46" s="214">
        <v>0.56410815132034298</v>
      </c>
      <c r="BE46" s="92">
        <v>0.12507660217184852</v>
      </c>
      <c r="BF46" s="210">
        <v>88</v>
      </c>
      <c r="BG46" s="214">
        <v>0.43979135853629403</v>
      </c>
      <c r="BH46" s="92">
        <v>0.10356331631481754</v>
      </c>
      <c r="BI46" s="214">
        <v>0.19146219131895242</v>
      </c>
      <c r="BJ46" s="92">
        <v>8.4158841341408219E-2</v>
      </c>
      <c r="BK46" s="214">
        <v>0.36874645014475232</v>
      </c>
      <c r="BL46" s="92">
        <v>0.10091709522207874</v>
      </c>
      <c r="BM46" s="210">
        <v>86</v>
      </c>
      <c r="BN46" s="214">
        <v>0.38225870477838308</v>
      </c>
      <c r="BO46" s="92">
        <v>0.1027060252387367</v>
      </c>
      <c r="BP46" s="214">
        <v>0.12724385032670718</v>
      </c>
      <c r="BQ46" s="92">
        <v>7.3975745845654958E-2</v>
      </c>
      <c r="BR46" s="214">
        <v>0.49049744489490843</v>
      </c>
      <c r="BS46" s="92">
        <v>0.10539187183861375</v>
      </c>
      <c r="BT46" s="210">
        <v>54</v>
      </c>
      <c r="BU46" s="214">
        <v>0.54269684033155507</v>
      </c>
      <c r="BV46" s="92">
        <v>0.13089078367967955</v>
      </c>
      <c r="BW46" s="214">
        <v>0.10669304438471316</v>
      </c>
      <c r="BX46" s="92">
        <v>8.9408205805088528E-2</v>
      </c>
      <c r="BY46" s="214">
        <v>0.35061011528373148</v>
      </c>
      <c r="BZ46" s="92">
        <v>0.12612384968008825</v>
      </c>
    </row>
    <row r="47" spans="1:78">
      <c r="A47" s="40" t="s">
        <v>540</v>
      </c>
      <c r="B47" s="319">
        <v>226</v>
      </c>
      <c r="C47" s="320">
        <v>0.4633007678866447</v>
      </c>
      <c r="D47" s="315">
        <v>6.5766332789035986E-2</v>
      </c>
      <c r="E47" s="320">
        <v>0.11887477364676589</v>
      </c>
      <c r="F47" s="315">
        <v>4.3689024746943861E-2</v>
      </c>
      <c r="G47" s="320">
        <v>0.41782445846658772</v>
      </c>
      <c r="H47" s="315">
        <v>6.5072537266950892E-2</v>
      </c>
      <c r="I47" s="319">
        <v>235</v>
      </c>
      <c r="J47" s="320">
        <v>0.32522503095405908</v>
      </c>
      <c r="K47" s="315">
        <v>6.0744009662157455E-2</v>
      </c>
      <c r="L47" s="320">
        <v>0.22049835690358799</v>
      </c>
      <c r="M47" s="315">
        <v>5.4037316057388596E-2</v>
      </c>
      <c r="N47" s="320">
        <v>0.45427661214235121</v>
      </c>
      <c r="O47" s="315">
        <v>6.4422606467692586E-2</v>
      </c>
      <c r="P47" s="319">
        <v>217</v>
      </c>
      <c r="Q47" s="320">
        <v>0.39249244198479794</v>
      </c>
      <c r="R47" s="315">
        <v>6.5751035062302829E-2</v>
      </c>
      <c r="S47" s="320">
        <v>0.18217755239488581</v>
      </c>
      <c r="T47" s="315">
        <v>5.2556767311040031E-2</v>
      </c>
      <c r="U47" s="320">
        <v>0.42533000562031525</v>
      </c>
      <c r="V47" s="315">
        <v>6.6540145045343183E-2</v>
      </c>
      <c r="W47" s="319">
        <v>201</v>
      </c>
      <c r="X47" s="320">
        <v>0.48101061062763539</v>
      </c>
      <c r="Y47" s="315">
        <v>6.9794588912799965E-2</v>
      </c>
      <c r="Z47" s="320">
        <v>9.9206174015601473E-2</v>
      </c>
      <c r="AA47" s="315">
        <v>4.3183524590533304E-2</v>
      </c>
      <c r="AB47" s="320">
        <v>0.4197832153567615</v>
      </c>
      <c r="AC47" s="315">
        <v>6.897350910444465E-2</v>
      </c>
      <c r="AD47" s="319">
        <v>248</v>
      </c>
      <c r="AE47" s="320">
        <v>0.51223337258434054</v>
      </c>
      <c r="AF47" s="315">
        <v>6.2975815193419507E-2</v>
      </c>
      <c r="AG47" s="320">
        <v>0.15932904269143658</v>
      </c>
      <c r="AH47" s="315">
        <v>4.6734372275355374E-2</v>
      </c>
      <c r="AI47" s="320">
        <v>0.3284375847242203</v>
      </c>
      <c r="AJ47" s="315">
        <v>5.9293903933952903E-2</v>
      </c>
      <c r="AK47" s="319">
        <v>211</v>
      </c>
      <c r="AL47" s="320">
        <v>0.57381161953485638</v>
      </c>
      <c r="AM47" s="315">
        <v>6.74799099940466E-2</v>
      </c>
      <c r="AN47" s="320">
        <v>0.21477004649775594</v>
      </c>
      <c r="AO47" s="315">
        <v>5.6509792241976803E-2</v>
      </c>
      <c r="AP47" s="320">
        <v>0.21141833396738657</v>
      </c>
      <c r="AQ47" s="315">
        <v>5.620404087724553E-2</v>
      </c>
      <c r="AR47" s="319">
        <v>248</v>
      </c>
      <c r="AS47" s="320">
        <v>0.66852623732156813</v>
      </c>
      <c r="AT47" s="315">
        <v>5.9427610171462052E-2</v>
      </c>
      <c r="AU47" s="320">
        <v>0.13942748125191659</v>
      </c>
      <c r="AV47" s="315">
        <v>4.4379690046686654E-2</v>
      </c>
      <c r="AW47" s="320">
        <v>0.19204628142651392</v>
      </c>
      <c r="AX47" s="315">
        <v>5.0103268551176049E-2</v>
      </c>
      <c r="AY47" s="319">
        <v>209</v>
      </c>
      <c r="AZ47" s="320">
        <v>0.3717870967847498</v>
      </c>
      <c r="BA47" s="315">
        <v>6.6314525058131901E-2</v>
      </c>
      <c r="BB47" s="320">
        <v>0.17741032603723284</v>
      </c>
      <c r="BC47" s="315">
        <v>5.3040459945852755E-2</v>
      </c>
      <c r="BD47" s="320">
        <v>0.45080257717801592</v>
      </c>
      <c r="BE47" s="315">
        <v>6.8198779681113986E-2</v>
      </c>
      <c r="BF47" s="319">
        <v>240</v>
      </c>
      <c r="BG47" s="320">
        <v>0.44044941618035649</v>
      </c>
      <c r="BH47" s="315">
        <v>6.3577633728083852E-2</v>
      </c>
      <c r="BI47" s="320">
        <v>0.18642282801421278</v>
      </c>
      <c r="BJ47" s="315">
        <v>5.0386520257944982E-2</v>
      </c>
      <c r="BK47" s="320">
        <v>0.37312775580542856</v>
      </c>
      <c r="BL47" s="315">
        <v>6.1992445871847233E-2</v>
      </c>
      <c r="BM47" s="319">
        <v>250</v>
      </c>
      <c r="BN47" s="320">
        <v>0.54707427935011865</v>
      </c>
      <c r="BO47" s="315">
        <v>6.2475602488257349E-2</v>
      </c>
      <c r="BP47" s="320">
        <v>0.14368628579467688</v>
      </c>
      <c r="BQ47" s="315">
        <v>4.4722728337417118E-2</v>
      </c>
      <c r="BR47" s="320">
        <v>0.30923943485520217</v>
      </c>
      <c r="BS47" s="315">
        <v>5.8153680605870339E-2</v>
      </c>
      <c r="BT47" s="319">
        <v>169</v>
      </c>
      <c r="BU47" s="320">
        <v>0.54105507952461995</v>
      </c>
      <c r="BV47" s="315">
        <v>7.5783616889768271E-2</v>
      </c>
      <c r="BW47" s="320">
        <v>0.18015381704865926</v>
      </c>
      <c r="BX47" s="315">
        <v>5.935577807600332E-2</v>
      </c>
      <c r="BY47" s="320">
        <v>0.27879110342671931</v>
      </c>
      <c r="BZ47" s="315">
        <v>6.8561314600918202E-2</v>
      </c>
    </row>
    <row r="48" spans="1:78">
      <c r="A48" s="44" t="s">
        <v>541</v>
      </c>
      <c r="B48" s="210">
        <v>75</v>
      </c>
      <c r="C48" s="214">
        <v>0.43627947749809437</v>
      </c>
      <c r="D48" s="92">
        <v>0.11168229255000242</v>
      </c>
      <c r="E48" s="214">
        <v>0.12011177093628002</v>
      </c>
      <c r="F48" s="92">
        <v>7.7925358000653894E-2</v>
      </c>
      <c r="G48" s="214">
        <v>0.4436087515656249</v>
      </c>
      <c r="H48" s="92">
        <v>0.11186200748729529</v>
      </c>
      <c r="I48" s="210">
        <v>79</v>
      </c>
      <c r="J48" s="214">
        <v>0.39808293189178523</v>
      </c>
      <c r="K48" s="92">
        <v>0.10767867235186708</v>
      </c>
      <c r="L48" s="214">
        <v>0.19758223799897487</v>
      </c>
      <c r="M48" s="92">
        <v>8.9750972784945759E-2</v>
      </c>
      <c r="N48" s="214">
        <v>0.40433483010923937</v>
      </c>
      <c r="O48" s="92">
        <v>0.10792880816227322</v>
      </c>
      <c r="P48" s="210">
        <v>71</v>
      </c>
      <c r="Q48" s="214">
        <v>0.49297899854359123</v>
      </c>
      <c r="R48" s="92">
        <v>0.11545985123821589</v>
      </c>
      <c r="S48" s="214">
        <v>0.18277057602731883</v>
      </c>
      <c r="T48" s="92">
        <v>9.2322215675318814E-2</v>
      </c>
      <c r="U48" s="214">
        <v>0.32425042542908983</v>
      </c>
      <c r="V48" s="92">
        <v>0.10888989884016498</v>
      </c>
      <c r="W48" s="210">
        <v>68</v>
      </c>
      <c r="X48" s="214">
        <v>0.67343290653741006</v>
      </c>
      <c r="Y48" s="92">
        <v>0.11134787797016076</v>
      </c>
      <c r="Z48" s="214">
        <v>7.4673409037146268E-2</v>
      </c>
      <c r="AA48" s="92">
        <v>7.017408920492002E-2</v>
      </c>
      <c r="AB48" s="214">
        <v>0.2518936844254433</v>
      </c>
      <c r="AC48" s="92">
        <v>0.10410809137756809</v>
      </c>
      <c r="AD48" s="210">
        <v>81</v>
      </c>
      <c r="AE48" s="214">
        <v>0.64213304105208635</v>
      </c>
      <c r="AF48" s="92">
        <v>0.10440978252530035</v>
      </c>
      <c r="AG48" s="214">
        <v>0.17447370856661845</v>
      </c>
      <c r="AH48" s="92">
        <v>8.5066441730958398E-2</v>
      </c>
      <c r="AI48" s="214">
        <v>0.18339325038129498</v>
      </c>
      <c r="AJ48" s="92">
        <v>8.6493119480784017E-2</v>
      </c>
      <c r="AK48" s="210">
        <v>66</v>
      </c>
      <c r="AL48" s="214">
        <v>0.69545564211836008</v>
      </c>
      <c r="AM48" s="92">
        <v>0.11110828551006803</v>
      </c>
      <c r="AN48" s="214">
        <v>0.20769796557696643</v>
      </c>
      <c r="AO48" s="92">
        <v>9.9726814723537338E-2</v>
      </c>
      <c r="AP48" s="214">
        <v>9.6846392304673387E-2</v>
      </c>
      <c r="AQ48" s="92">
        <v>7.7648155118899873E-2</v>
      </c>
      <c r="AR48" s="210">
        <v>80</v>
      </c>
      <c r="AS48" s="214">
        <v>0.63626358475215117</v>
      </c>
      <c r="AT48" s="92">
        <v>0.10536975490480442</v>
      </c>
      <c r="AU48" s="214">
        <v>0.16091644978338457</v>
      </c>
      <c r="AV48" s="92">
        <v>8.3298624705134286E-2</v>
      </c>
      <c r="AW48" s="214">
        <v>0.20281996546446393</v>
      </c>
      <c r="AX48" s="92">
        <v>8.9945700322584296E-2</v>
      </c>
      <c r="AY48" s="210">
        <v>73</v>
      </c>
      <c r="AZ48" s="214">
        <v>0.55196900706180796</v>
      </c>
      <c r="BA48" s="92">
        <v>0.11340595606476547</v>
      </c>
      <c r="BB48" s="214">
        <v>0.15544189362687041</v>
      </c>
      <c r="BC48" s="92">
        <v>8.6277687653182833E-2</v>
      </c>
      <c r="BD48" s="214">
        <v>0.29258909931132127</v>
      </c>
      <c r="BE48" s="92">
        <v>0.1047778508866244</v>
      </c>
      <c r="BF48" s="210">
        <v>80</v>
      </c>
      <c r="BG48" s="214">
        <v>0.43341038988650327</v>
      </c>
      <c r="BH48" s="92">
        <v>0.10822772981004043</v>
      </c>
      <c r="BI48" s="214">
        <v>0.20569680221484599</v>
      </c>
      <c r="BJ48" s="92">
        <v>9.0353330539811497E-2</v>
      </c>
      <c r="BK48" s="214">
        <v>0.36089280789865019</v>
      </c>
      <c r="BL48" s="92">
        <v>0.10520914410892486</v>
      </c>
      <c r="BM48" s="210">
        <v>79</v>
      </c>
      <c r="BN48" s="214">
        <v>0.57322748583615146</v>
      </c>
      <c r="BO48" s="92">
        <v>0.10869258650979771</v>
      </c>
      <c r="BP48" s="214">
        <v>0.15991636042988897</v>
      </c>
      <c r="BQ48" s="92">
        <v>8.3657981640305787E-2</v>
      </c>
      <c r="BR48" s="214">
        <v>0.26685615373395921</v>
      </c>
      <c r="BS48" s="92">
        <v>9.8361722477470354E-2</v>
      </c>
      <c r="BT48" s="210">
        <v>60</v>
      </c>
      <c r="BU48" s="214">
        <v>0.69774259494726731</v>
      </c>
      <c r="BV48" s="92">
        <v>0.1160907215729373</v>
      </c>
      <c r="BW48" s="214">
        <v>0.10085485261070287</v>
      </c>
      <c r="BX48" s="92">
        <v>8.2906357552118587E-2</v>
      </c>
      <c r="BY48" s="214">
        <v>0.20140255244202968</v>
      </c>
      <c r="BZ48" s="92">
        <v>0.10357253974297893</v>
      </c>
    </row>
    <row r="49" spans="1:78">
      <c r="A49" s="40" t="s">
        <v>542</v>
      </c>
      <c r="B49" s="319">
        <v>58</v>
      </c>
      <c r="C49" s="320">
        <v>0.35085861239537669</v>
      </c>
      <c r="D49" s="315">
        <v>0.12195566287432101</v>
      </c>
      <c r="E49" s="320">
        <v>0.20378634906241236</v>
      </c>
      <c r="F49" s="315">
        <v>0.10571229243189531</v>
      </c>
      <c r="G49" s="320">
        <v>0.44535503854221076</v>
      </c>
      <c r="H49" s="315">
        <v>0.12633462957354724</v>
      </c>
      <c r="I49" s="319">
        <v>60</v>
      </c>
      <c r="J49" s="320">
        <v>0.31070816134485496</v>
      </c>
      <c r="K49" s="315">
        <v>0.11686198013957438</v>
      </c>
      <c r="L49" s="320">
        <v>0.24839121891490912</v>
      </c>
      <c r="M49" s="315">
        <v>0.11021544263825506</v>
      </c>
      <c r="N49" s="320">
        <v>0.4409006197402357</v>
      </c>
      <c r="O49" s="315">
        <v>0.12423018248481815</v>
      </c>
      <c r="P49" s="319">
        <v>57</v>
      </c>
      <c r="Q49" s="320">
        <v>0.36532205624959674</v>
      </c>
      <c r="R49" s="315">
        <v>0.12391499795937849</v>
      </c>
      <c r="S49" s="320">
        <v>0.21769874137385792</v>
      </c>
      <c r="T49" s="315">
        <v>0.10876806239699222</v>
      </c>
      <c r="U49" s="320">
        <v>0.41697920237654512</v>
      </c>
      <c r="V49" s="315">
        <v>0.12648639877933332</v>
      </c>
      <c r="W49" s="319">
        <v>55</v>
      </c>
      <c r="X49" s="320">
        <v>0.44717956196763498</v>
      </c>
      <c r="Y49" s="315">
        <v>0.12955608230975735</v>
      </c>
      <c r="Z49" s="320">
        <v>0.15743686954966574</v>
      </c>
      <c r="AA49" s="315">
        <v>0.10017710253392315</v>
      </c>
      <c r="AB49" s="320">
        <v>0.39538356848269907</v>
      </c>
      <c r="AC49" s="315">
        <v>0.12768847418246224</v>
      </c>
      <c r="AD49" s="319">
        <v>64</v>
      </c>
      <c r="AE49" s="320">
        <v>0.53960017544453631</v>
      </c>
      <c r="AF49" s="315">
        <v>0.12093043477772679</v>
      </c>
      <c r="AG49" s="320">
        <v>0.23193701691924284</v>
      </c>
      <c r="AH49" s="315">
        <v>0.10469772984286936</v>
      </c>
      <c r="AI49" s="320">
        <v>0.22846280763622065</v>
      </c>
      <c r="AJ49" s="315">
        <v>0.10423018336117713</v>
      </c>
      <c r="AK49" s="319">
        <v>61</v>
      </c>
      <c r="AL49" s="320">
        <v>0.53749875342177911</v>
      </c>
      <c r="AM49" s="315">
        <v>0.12372713994132281</v>
      </c>
      <c r="AN49" s="320">
        <v>0.31661832878439594</v>
      </c>
      <c r="AO49" s="315">
        <v>0.11645606492204677</v>
      </c>
      <c r="AP49" s="320">
        <v>0.14588291779382456</v>
      </c>
      <c r="AQ49" s="315">
        <v>9.2673096384538092E-2</v>
      </c>
      <c r="AR49" s="319">
        <v>66</v>
      </c>
      <c r="AS49" s="320">
        <v>0.72360261360282296</v>
      </c>
      <c r="AT49" s="315">
        <v>0.10837835415349951</v>
      </c>
      <c r="AU49" s="320">
        <v>0.16165363276619693</v>
      </c>
      <c r="AV49" s="315">
        <v>9.2034515078156451E-2</v>
      </c>
      <c r="AW49" s="320">
        <v>0.11474375363098087</v>
      </c>
      <c r="AX49" s="315">
        <v>8.2134223709864701E-2</v>
      </c>
      <c r="AY49" s="319">
        <v>55</v>
      </c>
      <c r="AZ49" s="320">
        <v>0.26257605414431351</v>
      </c>
      <c r="BA49" s="315">
        <v>0.11673936748816313</v>
      </c>
      <c r="BB49" s="320">
        <v>0.25872657268464172</v>
      </c>
      <c r="BC49" s="315">
        <v>0.11627344592713296</v>
      </c>
      <c r="BD49" s="320">
        <v>0.4786973731710446</v>
      </c>
      <c r="BE49" s="315">
        <v>0.13008618908347341</v>
      </c>
      <c r="BF49" s="319">
        <v>61</v>
      </c>
      <c r="BG49" s="320">
        <v>0.43579122386181512</v>
      </c>
      <c r="BH49" s="315">
        <v>0.12313070920844622</v>
      </c>
      <c r="BI49" s="320">
        <v>0.24915891767681117</v>
      </c>
      <c r="BJ49" s="315">
        <v>0.10942777693747559</v>
      </c>
      <c r="BK49" s="320">
        <v>0.31504985846137329</v>
      </c>
      <c r="BL49" s="315">
        <v>0.11632155512912862</v>
      </c>
      <c r="BM49" s="319">
        <v>69</v>
      </c>
      <c r="BN49" s="320">
        <v>0.59280806062038416</v>
      </c>
      <c r="BO49" s="315">
        <v>0.11522574153731913</v>
      </c>
      <c r="BP49" s="320">
        <v>0.12063717331000286</v>
      </c>
      <c r="BQ49" s="315">
        <v>8.1567983084686907E-2</v>
      </c>
      <c r="BR49" s="320">
        <v>0.28655476606961378</v>
      </c>
      <c r="BS49" s="315">
        <v>0.10709030807199224</v>
      </c>
      <c r="BT49" s="319">
        <v>47</v>
      </c>
      <c r="BU49" s="320">
        <v>0.51051396642667779</v>
      </c>
      <c r="BV49" s="315">
        <v>0.14000171333942801</v>
      </c>
      <c r="BW49" s="320">
        <v>0.25356202439062914</v>
      </c>
      <c r="BX49" s="315">
        <v>0.12474955989867377</v>
      </c>
      <c r="BY49" s="320">
        <v>0.23592400918269299</v>
      </c>
      <c r="BZ49" s="315">
        <v>0.12232194463419611</v>
      </c>
    </row>
    <row r="50" spans="1:78">
      <c r="A50" s="44" t="s">
        <v>543</v>
      </c>
      <c r="B50" s="210">
        <v>54</v>
      </c>
      <c r="C50" s="214">
        <v>0.59294555655646208</v>
      </c>
      <c r="D50" s="92">
        <v>0.12932493268280798</v>
      </c>
      <c r="E50" s="214">
        <v>0</v>
      </c>
      <c r="F50" s="92">
        <v>4.7917816122734561E-2</v>
      </c>
      <c r="G50" s="214">
        <v>0.40705444344353758</v>
      </c>
      <c r="H50" s="92">
        <v>0.12932493268280795</v>
      </c>
      <c r="I50" s="210">
        <v>56</v>
      </c>
      <c r="J50" s="214">
        <v>0.30776709795427476</v>
      </c>
      <c r="K50" s="92">
        <v>0.12050156443272939</v>
      </c>
      <c r="L50" s="214">
        <v>0.26769363052474637</v>
      </c>
      <c r="M50" s="92">
        <v>0.11632981865106543</v>
      </c>
      <c r="N50" s="214">
        <v>0.42453927152097892</v>
      </c>
      <c r="O50" s="92">
        <v>0.12781226160115083</v>
      </c>
      <c r="P50" s="210">
        <v>53</v>
      </c>
      <c r="Q50" s="214">
        <v>0.37857631772957939</v>
      </c>
      <c r="R50" s="92">
        <v>0.12903228899310581</v>
      </c>
      <c r="S50" s="214">
        <v>0.17503109908395223</v>
      </c>
      <c r="T50" s="92">
        <v>0.10553019933979894</v>
      </c>
      <c r="U50" s="214">
        <v>0.44639258318646824</v>
      </c>
      <c r="V50" s="92">
        <v>0.13179341272702746</v>
      </c>
      <c r="W50" s="210">
        <v>43</v>
      </c>
      <c r="X50" s="214">
        <v>0.35886283970447641</v>
      </c>
      <c r="Y50" s="92">
        <v>0.14091693904389696</v>
      </c>
      <c r="Z50" s="214">
        <v>8.5649776028288369E-2</v>
      </c>
      <c r="AA50" s="92">
        <v>9.5111813345991558E-2</v>
      </c>
      <c r="AB50" s="214">
        <v>0.5554873842672351</v>
      </c>
      <c r="AC50" s="92">
        <v>0.1451112293332753</v>
      </c>
      <c r="AD50" s="210">
        <v>62</v>
      </c>
      <c r="AE50" s="214">
        <v>0.40447142364967448</v>
      </c>
      <c r="AF50" s="92">
        <v>0.1210927313189904</v>
      </c>
      <c r="AG50" s="214">
        <v>0.12081454772550282</v>
      </c>
      <c r="AH50" s="92">
        <v>8.6381234965216727E-2</v>
      </c>
      <c r="AI50" s="214">
        <v>0.47471402862482248</v>
      </c>
      <c r="AJ50" s="92">
        <v>0.12295250913564995</v>
      </c>
      <c r="AK50" s="210">
        <v>49</v>
      </c>
      <c r="AL50" s="214">
        <v>0.57495229461633024</v>
      </c>
      <c r="AM50" s="92">
        <v>0.13603499306516045</v>
      </c>
      <c r="AN50" s="214">
        <v>0.12266527969874307</v>
      </c>
      <c r="AO50" s="92">
        <v>9.8401968441271331E-2</v>
      </c>
      <c r="AP50" s="214">
        <v>0.30238242568492657</v>
      </c>
      <c r="AQ50" s="92">
        <v>0.12786183552243455</v>
      </c>
      <c r="AR50" s="210">
        <v>61</v>
      </c>
      <c r="AS50" s="214">
        <v>0.71139305646538031</v>
      </c>
      <c r="AT50" s="92">
        <v>0.11385380319727617</v>
      </c>
      <c r="AU50" s="214">
        <v>7.2088446244123625E-2</v>
      </c>
      <c r="AV50" s="92">
        <v>7.3895843612266365E-2</v>
      </c>
      <c r="AW50" s="214">
        <v>0.21651849729049599</v>
      </c>
      <c r="AX50" s="92">
        <v>0.10502002373190231</v>
      </c>
      <c r="AY50" s="210">
        <v>46</v>
      </c>
      <c r="AZ50" s="214">
        <v>0.34650759719338931</v>
      </c>
      <c r="BA50" s="92">
        <v>0.13566396297981123</v>
      </c>
      <c r="BB50" s="214">
        <v>0.11524266930228459</v>
      </c>
      <c r="BC50" s="92">
        <v>9.9880113951038643E-2</v>
      </c>
      <c r="BD50" s="214">
        <v>0.53824973350432592</v>
      </c>
      <c r="BE50" s="92">
        <v>0.1410706719783891</v>
      </c>
      <c r="BF50" s="210">
        <v>58</v>
      </c>
      <c r="BG50" s="214">
        <v>0.51733805352341977</v>
      </c>
      <c r="BH50" s="92">
        <v>0.12693328926379757</v>
      </c>
      <c r="BI50" s="214">
        <v>0.1389084360116781</v>
      </c>
      <c r="BJ50" s="92">
        <v>9.3634261819893108E-2</v>
      </c>
      <c r="BK50" s="214">
        <v>0.34375351046490182</v>
      </c>
      <c r="BL50" s="92">
        <v>0.1214523614906578</v>
      </c>
      <c r="BM50" s="210">
        <v>59</v>
      </c>
      <c r="BN50" s="214">
        <v>0.57789337648143668</v>
      </c>
      <c r="BO50" s="92">
        <v>0.12464008464787119</v>
      </c>
      <c r="BP50" s="214">
        <v>8.7913947348528657E-2</v>
      </c>
      <c r="BQ50" s="92">
        <v>8.0104819772713914E-2</v>
      </c>
      <c r="BR50" s="214">
        <v>0.33419267617003456</v>
      </c>
      <c r="BS50" s="92">
        <v>0.11975852967303757</v>
      </c>
      <c r="BT50" s="210">
        <v>34</v>
      </c>
      <c r="BU50" s="214">
        <v>0.44035331464909278</v>
      </c>
      <c r="BV50" s="92">
        <v>0.16129471140264368</v>
      </c>
      <c r="BW50" s="214">
        <v>0.16672170832268712</v>
      </c>
      <c r="BX50" s="92">
        <v>0.13021396447171649</v>
      </c>
      <c r="BY50" s="214">
        <v>0.39292497702821999</v>
      </c>
      <c r="BZ50" s="92">
        <v>0.15921570926539205</v>
      </c>
    </row>
    <row r="51" spans="1:78">
      <c r="A51" s="40" t="s">
        <v>544</v>
      </c>
      <c r="B51" s="319">
        <v>39</v>
      </c>
      <c r="C51" s="320">
        <v>0.52399460659705033</v>
      </c>
      <c r="D51" s="315">
        <v>0.1523540525896066</v>
      </c>
      <c r="E51" s="320">
        <v>0.1641508561292232</v>
      </c>
      <c r="F51" s="315">
        <v>0.12093217563977202</v>
      </c>
      <c r="G51" s="320">
        <v>0.31185453727372714</v>
      </c>
      <c r="H51" s="315">
        <v>0.14334241836288855</v>
      </c>
      <c r="I51" s="319">
        <v>40</v>
      </c>
      <c r="J51" s="320">
        <v>0.20040867977636015</v>
      </c>
      <c r="K51" s="315">
        <v>0.12642725102069718</v>
      </c>
      <c r="L51" s="320">
        <v>8.2070123926407293E-2</v>
      </c>
      <c r="M51" s="315">
        <v>9.8002061756747555E-2</v>
      </c>
      <c r="N51" s="320">
        <v>0.71752119629723343</v>
      </c>
      <c r="O51" s="315">
        <v>0.13846440471112981</v>
      </c>
      <c r="P51" s="319">
        <v>36</v>
      </c>
      <c r="Q51" s="320">
        <v>0.22663154370492766</v>
      </c>
      <c r="R51" s="315">
        <v>0.13764753777431246</v>
      </c>
      <c r="S51" s="320">
        <v>8.4943034543021573E-2</v>
      </c>
      <c r="T51" s="315">
        <v>0.10509969052988316</v>
      </c>
      <c r="U51" s="320">
        <v>0.68842542175205135</v>
      </c>
      <c r="V51" s="315">
        <v>0.14874193993437926</v>
      </c>
      <c r="W51" s="319">
        <v>35</v>
      </c>
      <c r="X51" s="320">
        <v>0.34218620328797555</v>
      </c>
      <c r="Y51" s="315">
        <v>0.15357002105229792</v>
      </c>
      <c r="Z51" s="320">
        <v>3.4456342770492844E-2</v>
      </c>
      <c r="AA51" s="315">
        <v>8.7966686658208268E-2</v>
      </c>
      <c r="AB51" s="320">
        <v>0.62335745394153208</v>
      </c>
      <c r="AC51" s="315">
        <v>0.1561538730854822</v>
      </c>
      <c r="AD51" s="319">
        <v>41</v>
      </c>
      <c r="AE51" s="320">
        <v>0.38428191317788918</v>
      </c>
      <c r="AF51" s="315">
        <v>0.14571939124142275</v>
      </c>
      <c r="AG51" s="320">
        <v>2.9768608881798046E-2</v>
      </c>
      <c r="AH51" s="315">
        <v>7.6852022742409973E-2</v>
      </c>
      <c r="AI51" s="320">
        <v>0.58594947794031338</v>
      </c>
      <c r="AJ51" s="315">
        <v>0.14723152391817393</v>
      </c>
      <c r="AK51" s="319">
        <v>35</v>
      </c>
      <c r="AL51" s="320">
        <v>0.39052471737406591</v>
      </c>
      <c r="AM51" s="315">
        <v>0.15700645665605831</v>
      </c>
      <c r="AN51" s="320">
        <v>0.1528773668434335</v>
      </c>
      <c r="AO51" s="315">
        <v>0.12525055722546008</v>
      </c>
      <c r="AP51" s="320">
        <v>0.45659791578250108</v>
      </c>
      <c r="AQ51" s="315">
        <v>0.15964153808897041</v>
      </c>
      <c r="AR51" s="319">
        <v>41</v>
      </c>
      <c r="AS51" s="320">
        <v>0.49261851208349017</v>
      </c>
      <c r="AT51" s="315">
        <v>0.149057712787522</v>
      </c>
      <c r="AU51" s="320">
        <v>0.19036252107647644</v>
      </c>
      <c r="AV51" s="315">
        <v>0.12307598657409631</v>
      </c>
      <c r="AW51" s="320">
        <v>0.31701896684003378</v>
      </c>
      <c r="AX51" s="315">
        <v>0.14054046720053007</v>
      </c>
      <c r="AY51" s="319">
        <v>35</v>
      </c>
      <c r="AZ51" s="320">
        <v>0.21886230512306792</v>
      </c>
      <c r="BA51" s="315">
        <v>0.13824658985526539</v>
      </c>
      <c r="BB51" s="320">
        <v>0.14172549420717448</v>
      </c>
      <c r="BC51" s="315">
        <v>0.12262909944500286</v>
      </c>
      <c r="BD51" s="320">
        <v>0.63941220066975812</v>
      </c>
      <c r="BE51" s="315">
        <v>0.15503402728542967</v>
      </c>
      <c r="BF51" s="319">
        <v>41</v>
      </c>
      <c r="BG51" s="320">
        <v>0.29821097759534515</v>
      </c>
      <c r="BH51" s="315">
        <v>0.13862767434123258</v>
      </c>
      <c r="BI51" s="320">
        <v>8.7341673916267501E-2</v>
      </c>
      <c r="BJ51" s="315">
        <v>9.8269857404139585E-2</v>
      </c>
      <c r="BK51" s="320">
        <v>0.61444734848838789</v>
      </c>
      <c r="BL51" s="315">
        <v>0.1457934248207127</v>
      </c>
      <c r="BM51" s="319">
        <v>43</v>
      </c>
      <c r="BN51" s="320">
        <v>0.29092011076822466</v>
      </c>
      <c r="BO51" s="315">
        <v>0.13476842904931</v>
      </c>
      <c r="BP51" s="320">
        <v>0.29126324921446989</v>
      </c>
      <c r="BQ51" s="315">
        <v>0.13480631509159682</v>
      </c>
      <c r="BR51" s="320">
        <v>0.41781664001730606</v>
      </c>
      <c r="BS51" s="315">
        <v>0.14420629712873381</v>
      </c>
      <c r="BT51" s="319">
        <v>28</v>
      </c>
      <c r="BU51" s="320">
        <v>0.41184225308413297</v>
      </c>
      <c r="BV51" s="315">
        <v>0.17466028618120588</v>
      </c>
      <c r="BW51" s="320">
        <v>0.21809418197169184</v>
      </c>
      <c r="BX51" s="315">
        <v>0.15376731596041907</v>
      </c>
      <c r="BY51" s="320">
        <v>0.37006356494417547</v>
      </c>
      <c r="BZ51" s="315">
        <v>0.17214586395089138</v>
      </c>
    </row>
    <row r="52" spans="1:78">
      <c r="A52" s="44" t="s">
        <v>545</v>
      </c>
      <c r="B52" s="210">
        <v>393</v>
      </c>
      <c r="C52" s="214">
        <v>0.47372131279910029</v>
      </c>
      <c r="D52" s="92">
        <v>5.0120587709531622E-2</v>
      </c>
      <c r="E52" s="214">
        <v>0.16016006693872437</v>
      </c>
      <c r="F52" s="92">
        <v>3.7129275658869206E-2</v>
      </c>
      <c r="G52" s="214">
        <v>0.36611862026216874</v>
      </c>
      <c r="H52" s="92">
        <v>4.8393345293988935E-2</v>
      </c>
      <c r="I52" s="210">
        <v>396</v>
      </c>
      <c r="J52" s="214">
        <v>0.44370488318346241</v>
      </c>
      <c r="K52" s="92">
        <v>4.9688421761225461E-2</v>
      </c>
      <c r="L52" s="214">
        <v>0.17640851543707151</v>
      </c>
      <c r="M52" s="92">
        <v>3.8389101181338522E-2</v>
      </c>
      <c r="N52" s="214">
        <v>0.37988660137945901</v>
      </c>
      <c r="O52" s="92">
        <v>4.8565406754142788E-2</v>
      </c>
      <c r="P52" s="210">
        <v>370</v>
      </c>
      <c r="Q52" s="214">
        <v>0.4433406170320407</v>
      </c>
      <c r="R52" s="92">
        <v>5.1382805372069434E-2</v>
      </c>
      <c r="S52" s="214">
        <v>0.1834254446053403</v>
      </c>
      <c r="T52" s="92">
        <v>4.0308014436926519E-2</v>
      </c>
      <c r="U52" s="214">
        <v>0.37323393836261198</v>
      </c>
      <c r="V52" s="92">
        <v>5.0055825835193787E-2</v>
      </c>
      <c r="W52" s="210">
        <v>378</v>
      </c>
      <c r="X52" s="214">
        <v>0.61978165503868266</v>
      </c>
      <c r="Y52" s="92">
        <v>4.9706073895502939E-2</v>
      </c>
      <c r="Z52" s="214">
        <v>0.11425992797707861</v>
      </c>
      <c r="AA52" s="92">
        <v>3.3048340937079548E-2</v>
      </c>
      <c r="AB52" s="214">
        <v>0.26595841698423384</v>
      </c>
      <c r="AC52" s="92">
        <v>4.5345175469006939E-2</v>
      </c>
      <c r="AD52" s="210">
        <v>405</v>
      </c>
      <c r="AE52" s="214">
        <v>0.568628415858623</v>
      </c>
      <c r="AF52" s="92">
        <v>4.8987979608514066E-2</v>
      </c>
      <c r="AG52" s="214">
        <v>0.17512250447237451</v>
      </c>
      <c r="AH52" s="92">
        <v>3.7853013264847996E-2</v>
      </c>
      <c r="AI52" s="214">
        <v>0.25624907966899757</v>
      </c>
      <c r="AJ52" s="92">
        <v>4.3303889842535914E-2</v>
      </c>
      <c r="AK52" s="210">
        <v>370</v>
      </c>
      <c r="AL52" s="214">
        <v>0.59079344366536124</v>
      </c>
      <c r="AM52" s="92">
        <v>5.0867547213239335E-2</v>
      </c>
      <c r="AN52" s="214">
        <v>0.15771582970411946</v>
      </c>
      <c r="AO52" s="92">
        <v>3.8045035026171591E-2</v>
      </c>
      <c r="AP52" s="214">
        <v>0.25149072663051258</v>
      </c>
      <c r="AQ52" s="92">
        <v>4.5026086223453957E-2</v>
      </c>
      <c r="AR52" s="210">
        <v>428</v>
      </c>
      <c r="AS52" s="214">
        <v>0.69443254566251245</v>
      </c>
      <c r="AT52" s="92">
        <v>4.4398533764853476E-2</v>
      </c>
      <c r="AU52" s="214">
        <v>0.15660960190211642</v>
      </c>
      <c r="AV52" s="92">
        <v>3.5257856036099995E-2</v>
      </c>
      <c r="AW52" s="214">
        <v>0.1489578524353703</v>
      </c>
      <c r="AX52" s="92">
        <v>3.4566213104765438E-2</v>
      </c>
      <c r="AY52" s="210">
        <v>364</v>
      </c>
      <c r="AZ52" s="214">
        <v>0.43099298591071034</v>
      </c>
      <c r="BA52" s="92">
        <v>5.1640583808062447E-2</v>
      </c>
      <c r="BB52" s="214">
        <v>0.11764084107069206</v>
      </c>
      <c r="BC52" s="92">
        <v>3.4097435424923377E-2</v>
      </c>
      <c r="BD52" s="214">
        <v>0.45136617301858961</v>
      </c>
      <c r="BE52" s="92">
        <v>5.1886779949469906E-2</v>
      </c>
      <c r="BF52" s="210">
        <v>407</v>
      </c>
      <c r="BG52" s="214">
        <v>0.46991515812340756</v>
      </c>
      <c r="BH52" s="92">
        <v>4.9238723711438594E-2</v>
      </c>
      <c r="BI52" s="214">
        <v>0.19174032088593765</v>
      </c>
      <c r="BJ52" s="92">
        <v>3.9066551964797816E-2</v>
      </c>
      <c r="BK52" s="214">
        <v>0.33834452099064827</v>
      </c>
      <c r="BL52" s="92">
        <v>4.6729921594720905E-2</v>
      </c>
      <c r="BM52" s="210">
        <v>427</v>
      </c>
      <c r="BN52" s="214">
        <v>0.53662058879426711</v>
      </c>
      <c r="BO52" s="92">
        <v>4.8041330733775298E-2</v>
      </c>
      <c r="BP52" s="214">
        <v>0.17308037284145797</v>
      </c>
      <c r="BQ52" s="92">
        <v>3.6696300142292651E-2</v>
      </c>
      <c r="BR52" s="214">
        <v>0.2902990383642729</v>
      </c>
      <c r="BS52" s="92">
        <v>4.3813351318181953E-2</v>
      </c>
      <c r="BT52" s="210">
        <v>301</v>
      </c>
      <c r="BU52" s="214">
        <v>0.60745912172068661</v>
      </c>
      <c r="BV52" s="92">
        <v>5.5957060270794785E-2</v>
      </c>
      <c r="BW52" s="214">
        <v>0.16593834989750239</v>
      </c>
      <c r="BX52" s="92">
        <v>4.3049458233322249E-2</v>
      </c>
      <c r="BY52" s="214">
        <v>0.22660252838180431</v>
      </c>
      <c r="BZ52" s="92">
        <v>4.8207410067282228E-2</v>
      </c>
    </row>
    <row r="53" spans="1:78">
      <c r="A53" s="40" t="s">
        <v>546</v>
      </c>
      <c r="B53" s="319">
        <v>45</v>
      </c>
      <c r="C53" s="320">
        <v>0.53676375937607412</v>
      </c>
      <c r="D53" s="315">
        <v>0.14253108057741054</v>
      </c>
      <c r="E53" s="320">
        <v>0.1535705620732464</v>
      </c>
      <c r="F53" s="315">
        <v>0.11020608003941094</v>
      </c>
      <c r="G53" s="320">
        <v>0.30966567855067911</v>
      </c>
      <c r="H53" s="315">
        <v>0.13384306060487142</v>
      </c>
      <c r="I53" s="319">
        <v>44</v>
      </c>
      <c r="J53" s="320">
        <v>0.54642153327342669</v>
      </c>
      <c r="K53" s="315">
        <v>0.14381389479958809</v>
      </c>
      <c r="L53" s="320">
        <v>0.100287507019274</v>
      </c>
      <c r="M53" s="315">
        <v>9.8212675143178801E-2</v>
      </c>
      <c r="N53" s="320">
        <v>0.35329095970729896</v>
      </c>
      <c r="O53" s="315">
        <v>0.13901865748139855</v>
      </c>
      <c r="P53" s="319">
        <v>43</v>
      </c>
      <c r="Q53" s="320">
        <v>0.37443210869244498</v>
      </c>
      <c r="R53" s="315">
        <v>0.14196262486303271</v>
      </c>
      <c r="S53" s="320">
        <v>0.26567021318359829</v>
      </c>
      <c r="T53" s="315">
        <v>0.13177617669183528</v>
      </c>
      <c r="U53" s="320">
        <v>0.3598976781239564</v>
      </c>
      <c r="V53" s="315">
        <v>0.14099048277387086</v>
      </c>
      <c r="W53" s="319">
        <v>46</v>
      </c>
      <c r="X53" s="320">
        <v>0.62171104698009017</v>
      </c>
      <c r="Y53" s="315">
        <v>0.13782939795872401</v>
      </c>
      <c r="Z53" s="320">
        <v>0.25584196671297166</v>
      </c>
      <c r="AA53" s="315">
        <v>0.12634664503246162</v>
      </c>
      <c r="AB53" s="320">
        <v>0.12244698630693783</v>
      </c>
      <c r="AC53" s="315">
        <v>0.10172465981262512</v>
      </c>
      <c r="AD53" s="319">
        <v>47</v>
      </c>
      <c r="AE53" s="320">
        <v>0.50167480990904956</v>
      </c>
      <c r="AF53" s="315">
        <v>0.14002734123919189</v>
      </c>
      <c r="AG53" s="320">
        <v>0.22402625555972958</v>
      </c>
      <c r="AH53" s="315">
        <v>0.12055976941884082</v>
      </c>
      <c r="AI53" s="320">
        <v>0.27429893453122045</v>
      </c>
      <c r="AJ53" s="315">
        <v>0.12733664112750134</v>
      </c>
      <c r="AK53" s="319">
        <v>45</v>
      </c>
      <c r="AL53" s="320">
        <v>0.62394722864052277</v>
      </c>
      <c r="AM53" s="315">
        <v>0.13910587329925511</v>
      </c>
      <c r="AN53" s="320">
        <v>0.18951417404294638</v>
      </c>
      <c r="AO53" s="315">
        <v>0.11735004505698397</v>
      </c>
      <c r="AP53" s="320">
        <v>0.1865385973165305</v>
      </c>
      <c r="AQ53" s="315">
        <v>0.11680414409439707</v>
      </c>
      <c r="AR53" s="319">
        <v>48</v>
      </c>
      <c r="AS53" s="320">
        <v>0.69328992951712631</v>
      </c>
      <c r="AT53" s="315">
        <v>0.12954529289005795</v>
      </c>
      <c r="AU53" s="320">
        <v>0.26450493468542285</v>
      </c>
      <c r="AV53" s="315">
        <v>0.12488330226136696</v>
      </c>
      <c r="AW53" s="320">
        <v>4.2205135797450569E-2</v>
      </c>
      <c r="AX53" s="315">
        <v>7.4123726888562155E-2</v>
      </c>
      <c r="AY53" s="319">
        <v>45</v>
      </c>
      <c r="AZ53" s="320">
        <v>0.60146930158730239</v>
      </c>
      <c r="BA53" s="315">
        <v>0.14035417358299171</v>
      </c>
      <c r="BB53" s="320">
        <v>5.17158433809825E-2</v>
      </c>
      <c r="BC53" s="315">
        <v>8.1070254028051777E-2</v>
      </c>
      <c r="BD53" s="320">
        <v>0.34681485503171466</v>
      </c>
      <c r="BE53" s="315">
        <v>0.13708602138687662</v>
      </c>
      <c r="BF53" s="319">
        <v>44</v>
      </c>
      <c r="BG53" s="320">
        <v>0.45801424824614784</v>
      </c>
      <c r="BH53" s="315">
        <v>0.14390933358603497</v>
      </c>
      <c r="BI53" s="320">
        <v>0.21360251138932132</v>
      </c>
      <c r="BJ53" s="315">
        <v>0.12284049876539559</v>
      </c>
      <c r="BK53" s="320">
        <v>0.32838324036453054</v>
      </c>
      <c r="BL53" s="315">
        <v>0.13700726153639817</v>
      </c>
      <c r="BM53" s="319">
        <v>46</v>
      </c>
      <c r="BN53" s="320">
        <v>0.57174351913849653</v>
      </c>
      <c r="BO53" s="315">
        <v>0.14018372716389552</v>
      </c>
      <c r="BP53" s="320">
        <v>0.27068277900469051</v>
      </c>
      <c r="BQ53" s="315">
        <v>0.12821571863948106</v>
      </c>
      <c r="BR53" s="320">
        <v>0.15757370185681269</v>
      </c>
      <c r="BS53" s="315">
        <v>0.10981974924747778</v>
      </c>
      <c r="BT53" s="319">
        <v>39</v>
      </c>
      <c r="BU53" s="320">
        <v>0.4873762987223566</v>
      </c>
      <c r="BV53" s="315">
        <v>0.15245858336865434</v>
      </c>
      <c r="BW53" s="320">
        <v>0.22660473132770348</v>
      </c>
      <c r="BX53" s="315">
        <v>0.13242436223434728</v>
      </c>
      <c r="BY53" s="320">
        <v>0.28601896994993958</v>
      </c>
      <c r="BZ53" s="315">
        <v>0.14054199964361047</v>
      </c>
    </row>
    <row r="54" spans="1:78">
      <c r="A54" s="44" t="s">
        <v>547</v>
      </c>
      <c r="B54" s="210">
        <v>96</v>
      </c>
      <c r="C54" s="214">
        <v>0.56578259559838873</v>
      </c>
      <c r="D54" s="92">
        <v>9.9199176276261056E-2</v>
      </c>
      <c r="E54" s="214">
        <v>0.17331891454296941</v>
      </c>
      <c r="F54" s="92">
        <v>7.7883594699190498E-2</v>
      </c>
      <c r="G54" s="214">
        <v>0.26089848985864217</v>
      </c>
      <c r="H54" s="92">
        <v>8.8839756678826931E-2</v>
      </c>
      <c r="I54" s="210">
        <v>100</v>
      </c>
      <c r="J54" s="214">
        <v>0.47802541096361945</v>
      </c>
      <c r="K54" s="92">
        <v>9.7970471989096822E-2</v>
      </c>
      <c r="L54" s="214">
        <v>0.18357560685909644</v>
      </c>
      <c r="M54" s="92">
        <v>7.7813724089181857E-2</v>
      </c>
      <c r="N54" s="214">
        <v>0.33839898217728576</v>
      </c>
      <c r="O54" s="92">
        <v>9.3202698285165822E-2</v>
      </c>
      <c r="P54" s="210">
        <v>92</v>
      </c>
      <c r="Q54" s="214">
        <v>0.37105737305982744</v>
      </c>
      <c r="R54" s="92">
        <v>9.8896084093970799E-2</v>
      </c>
      <c r="S54" s="214">
        <v>0.26619814277305759</v>
      </c>
      <c r="T54" s="92">
        <v>9.1240767953904706E-2</v>
      </c>
      <c r="U54" s="214">
        <v>0.36274448416711297</v>
      </c>
      <c r="V54" s="92">
        <v>9.8467029104375492E-2</v>
      </c>
      <c r="W54" s="210">
        <v>103</v>
      </c>
      <c r="X54" s="214">
        <v>0.72834169622482026</v>
      </c>
      <c r="Y54" s="92">
        <v>8.6831131987812851E-2</v>
      </c>
      <c r="Z54" s="214">
        <v>9.3574940249171054E-2</v>
      </c>
      <c r="AA54" s="92">
        <v>6.0198374708824623E-2</v>
      </c>
      <c r="AB54" s="214">
        <v>0.17808336352601084</v>
      </c>
      <c r="AC54" s="92">
        <v>7.5868286493946779E-2</v>
      </c>
      <c r="AD54" s="210">
        <v>101</v>
      </c>
      <c r="AE54" s="214">
        <v>0.58170680897941374</v>
      </c>
      <c r="AF54" s="92">
        <v>9.6376831172761926E-2</v>
      </c>
      <c r="AG54" s="214">
        <v>0.23087660851430403</v>
      </c>
      <c r="AH54" s="92">
        <v>8.3491834372314125E-2</v>
      </c>
      <c r="AI54" s="214">
        <v>0.18741658250628465</v>
      </c>
      <c r="AJ54" s="92">
        <v>7.7972951857732661E-2</v>
      </c>
      <c r="AK54" s="210">
        <v>86</v>
      </c>
      <c r="AL54" s="214">
        <v>0.59202497923660247</v>
      </c>
      <c r="AM54" s="92">
        <v>0.10376628424051221</v>
      </c>
      <c r="AN54" s="214">
        <v>0.17296227933354749</v>
      </c>
      <c r="AO54" s="92">
        <v>8.2284616006677191E-2</v>
      </c>
      <c r="AP54" s="214">
        <v>0.23501274142984815</v>
      </c>
      <c r="AQ54" s="92">
        <v>9.0893019426058985E-2</v>
      </c>
      <c r="AR54" s="210">
        <v>103</v>
      </c>
      <c r="AS54" s="214">
        <v>0.61473857750914485</v>
      </c>
      <c r="AT54" s="92">
        <v>9.4285499121313163E-2</v>
      </c>
      <c r="AU54" s="214">
        <v>0.23604769875087975</v>
      </c>
      <c r="AV54" s="92">
        <v>8.326084462674499E-2</v>
      </c>
      <c r="AW54" s="214">
        <v>0.14921372373997818</v>
      </c>
      <c r="AX54" s="92">
        <v>7.1296956978920314E-2</v>
      </c>
      <c r="AY54" s="210">
        <v>89</v>
      </c>
      <c r="AZ54" s="214">
        <v>0.49160394944926916</v>
      </c>
      <c r="BA54" s="92">
        <v>0.10368177946716037</v>
      </c>
      <c r="BB54" s="214">
        <v>0.14749185362599787</v>
      </c>
      <c r="BC54" s="92">
        <v>7.6537245164090564E-2</v>
      </c>
      <c r="BD54" s="214">
        <v>0.36090419692473108</v>
      </c>
      <c r="BE54" s="92">
        <v>9.9952866141451727E-2</v>
      </c>
      <c r="BF54" s="210">
        <v>97</v>
      </c>
      <c r="BG54" s="214">
        <v>0.53309848424548778</v>
      </c>
      <c r="BH54" s="92">
        <v>9.9302427379006075E-2</v>
      </c>
      <c r="BI54" s="214">
        <v>0.17027097677092529</v>
      </c>
      <c r="BJ54" s="92">
        <v>7.7003234426280431E-2</v>
      </c>
      <c r="BK54" s="214">
        <v>0.29663053898358777</v>
      </c>
      <c r="BL54" s="92">
        <v>9.1597907993747424E-2</v>
      </c>
      <c r="BM54" s="210">
        <v>104</v>
      </c>
      <c r="BN54" s="214">
        <v>0.51962903456049137</v>
      </c>
      <c r="BO54" s="92">
        <v>9.6156260391684734E-2</v>
      </c>
      <c r="BP54" s="214">
        <v>0.19524643291944674</v>
      </c>
      <c r="BQ54" s="92">
        <v>7.7907227184914399E-2</v>
      </c>
      <c r="BR54" s="214">
        <v>0.28512453252006426</v>
      </c>
      <c r="BS54" s="92">
        <v>8.7598686520195257E-2</v>
      </c>
      <c r="BT54" s="210">
        <v>78</v>
      </c>
      <c r="BU54" s="214">
        <v>0.55417101665653856</v>
      </c>
      <c r="BV54" s="92">
        <v>0.10984352746856552</v>
      </c>
      <c r="BW54" s="214">
        <v>0.26775246246553852</v>
      </c>
      <c r="BX54" s="92">
        <v>9.9067620474216148E-2</v>
      </c>
      <c r="BY54" s="214">
        <v>0.17807652087792131</v>
      </c>
      <c r="BZ54" s="92">
        <v>8.7298025022835485E-2</v>
      </c>
    </row>
    <row r="55" spans="1:78">
      <c r="A55" s="40" t="s">
        <v>548</v>
      </c>
      <c r="B55" s="319">
        <v>102</v>
      </c>
      <c r="C55" s="320">
        <v>0.44642745862798705</v>
      </c>
      <c r="D55" s="315">
        <v>9.6610968749829954E-2</v>
      </c>
      <c r="E55" s="320">
        <v>0.1282681636471813</v>
      </c>
      <c r="F55" s="315">
        <v>6.7864373924196988E-2</v>
      </c>
      <c r="G55" s="320">
        <v>0.42530437772483148</v>
      </c>
      <c r="H55" s="315">
        <v>9.6119757935200056E-2</v>
      </c>
      <c r="I55" s="319">
        <v>106</v>
      </c>
      <c r="J55" s="320">
        <v>0.44041250605988308</v>
      </c>
      <c r="K55" s="315">
        <v>9.4715433314775041E-2</v>
      </c>
      <c r="L55" s="320">
        <v>0.13240037764949819</v>
      </c>
      <c r="M55" s="315">
        <v>6.7290262094699349E-2</v>
      </c>
      <c r="N55" s="320">
        <v>0.42718711629061829</v>
      </c>
      <c r="O55" s="315">
        <v>9.4402783622336839E-2</v>
      </c>
      <c r="P55" s="319">
        <v>96</v>
      </c>
      <c r="Q55" s="320">
        <v>0.53718157516480192</v>
      </c>
      <c r="R55" s="315">
        <v>9.9744857728015682E-2</v>
      </c>
      <c r="S55" s="320">
        <v>0.10325619252316422</v>
      </c>
      <c r="T55" s="315">
        <v>6.47873302714186E-2</v>
      </c>
      <c r="U55" s="320">
        <v>0.3595622323120336</v>
      </c>
      <c r="V55" s="315">
        <v>9.6296105488794512E-2</v>
      </c>
      <c r="W55" s="319">
        <v>76</v>
      </c>
      <c r="X55" s="320">
        <v>0.47301859098357008</v>
      </c>
      <c r="Y55" s="315">
        <v>0.11165638880504286</v>
      </c>
      <c r="Z55" s="320">
        <v>8.3192310057388946E-2</v>
      </c>
      <c r="AA55" s="315">
        <v>6.8267815630150913E-2</v>
      </c>
      <c r="AB55" s="320">
        <v>0.44378909895904067</v>
      </c>
      <c r="AC55" s="315">
        <v>0.11116393344521808</v>
      </c>
      <c r="AD55" s="319">
        <v>106</v>
      </c>
      <c r="AE55" s="320">
        <v>0.57196360114464773</v>
      </c>
      <c r="AF55" s="315">
        <v>9.4424771258051127E-2</v>
      </c>
      <c r="AG55" s="320">
        <v>0.18210875439904048</v>
      </c>
      <c r="AH55" s="315">
        <v>7.5356358948035759E-2</v>
      </c>
      <c r="AI55" s="320">
        <v>0.24592764445631157</v>
      </c>
      <c r="AJ55" s="315">
        <v>8.313332674708189E-2</v>
      </c>
      <c r="AK55" s="319">
        <v>95</v>
      </c>
      <c r="AL55" s="320">
        <v>0.56356675180840843</v>
      </c>
      <c r="AM55" s="315">
        <v>9.9753067934297002E-2</v>
      </c>
      <c r="AN55" s="320">
        <v>0.15688016300981567</v>
      </c>
      <c r="AO55" s="315">
        <v>7.5636081651787548E-2</v>
      </c>
      <c r="AP55" s="320">
        <v>0.27955308518177574</v>
      </c>
      <c r="AQ55" s="315">
        <v>9.1065708680998406E-2</v>
      </c>
      <c r="AR55" s="319">
        <v>116</v>
      </c>
      <c r="AS55" s="320">
        <v>0.75192581897240773</v>
      </c>
      <c r="AT55" s="315">
        <v>7.9727446372975547E-2</v>
      </c>
      <c r="AU55" s="320">
        <v>0.11780905700414621</v>
      </c>
      <c r="AV55" s="315">
        <v>6.1510372470774316E-2</v>
      </c>
      <c r="AW55" s="320">
        <v>0.13026512402344609</v>
      </c>
      <c r="AX55" s="315">
        <v>6.3837768389657656E-2</v>
      </c>
      <c r="AY55" s="319">
        <v>92</v>
      </c>
      <c r="AZ55" s="320">
        <v>0.30742891501214809</v>
      </c>
      <c r="BA55" s="315">
        <v>9.4855657412294861E-2</v>
      </c>
      <c r="BB55" s="320">
        <v>0.11061532732110191</v>
      </c>
      <c r="BC55" s="315">
        <v>6.7931148371467714E-2</v>
      </c>
      <c r="BD55" s="320">
        <v>0.58195575766675001</v>
      </c>
      <c r="BE55" s="315">
        <v>0.10079503162746553</v>
      </c>
      <c r="BF55" s="319">
        <v>111</v>
      </c>
      <c r="BG55" s="320">
        <v>0.45201786673819122</v>
      </c>
      <c r="BH55" s="315">
        <v>9.2849591037228327E-2</v>
      </c>
      <c r="BI55" s="320">
        <v>0.15118036326344947</v>
      </c>
      <c r="BJ55" s="315">
        <v>6.8940304940855873E-2</v>
      </c>
      <c r="BK55" s="320">
        <v>0.39680176999835903</v>
      </c>
      <c r="BL55" s="315">
        <v>9.1381303698113758E-2</v>
      </c>
      <c r="BM55" s="319">
        <v>117</v>
      </c>
      <c r="BN55" s="320">
        <v>0.53600830388710596</v>
      </c>
      <c r="BO55" s="315">
        <v>9.0688406793728804E-2</v>
      </c>
      <c r="BP55" s="320">
        <v>0.13913151716332028</v>
      </c>
      <c r="BQ55" s="315">
        <v>6.5110614542624803E-2</v>
      </c>
      <c r="BR55" s="320">
        <v>0.32486017894957347</v>
      </c>
      <c r="BS55" s="315">
        <v>8.5535851481353453E-2</v>
      </c>
      <c r="BT55" s="319">
        <v>59</v>
      </c>
      <c r="BU55" s="320">
        <v>0.63552754643439269</v>
      </c>
      <c r="BV55" s="315">
        <v>0.12186139610582511</v>
      </c>
      <c r="BW55" s="320">
        <v>9.0420786320752317E-2</v>
      </c>
      <c r="BX55" s="315">
        <v>8.0817586167729313E-2</v>
      </c>
      <c r="BY55" s="320">
        <v>0.27405166724485475</v>
      </c>
      <c r="BZ55" s="315">
        <v>0.11414955976346719</v>
      </c>
    </row>
    <row r="56" spans="1:78">
      <c r="A56" s="44" t="s">
        <v>549</v>
      </c>
      <c r="B56" s="210">
        <v>47</v>
      </c>
      <c r="C56" s="214">
        <v>0.4857468838856549</v>
      </c>
      <c r="D56" s="92">
        <v>0.13997968084291587</v>
      </c>
      <c r="E56" s="214">
        <v>0.15225541038145365</v>
      </c>
      <c r="F56" s="92">
        <v>0.10748411864980394</v>
      </c>
      <c r="G56" s="214">
        <v>0.36199770573289103</v>
      </c>
      <c r="H56" s="92">
        <v>0.1354225362945066</v>
      </c>
      <c r="I56" s="210">
        <v>46</v>
      </c>
      <c r="J56" s="214">
        <v>0.45872739228074288</v>
      </c>
      <c r="K56" s="92">
        <v>0.1410129691668329</v>
      </c>
      <c r="L56" s="214">
        <v>5.5708239216082436E-2</v>
      </c>
      <c r="M56" s="92">
        <v>8.1449237792342269E-2</v>
      </c>
      <c r="N56" s="214">
        <v>0.4855643685031738</v>
      </c>
      <c r="O56" s="92">
        <v>0.1413714598797477</v>
      </c>
      <c r="P56" s="210">
        <v>44</v>
      </c>
      <c r="Q56" s="214">
        <v>0.44274881918301368</v>
      </c>
      <c r="R56" s="92">
        <v>0.14354030312548294</v>
      </c>
      <c r="S56" s="214">
        <v>5.6270971527360762E-2</v>
      </c>
      <c r="T56" s="92">
        <v>8.3941015115505724E-2</v>
      </c>
      <c r="U56" s="214">
        <v>0.50098020928962483</v>
      </c>
      <c r="V56" s="92">
        <v>0.1443373342360692</v>
      </c>
      <c r="W56" s="210">
        <v>49</v>
      </c>
      <c r="X56" s="214">
        <v>0.7197996239569453</v>
      </c>
      <c r="Y56" s="92">
        <v>0.12550435620941239</v>
      </c>
      <c r="Z56" s="214">
        <v>8.7880232981640011E-3</v>
      </c>
      <c r="AA56" s="92">
        <v>5.7466924603118114E-2</v>
      </c>
      <c r="AB56" s="214">
        <v>0.27141235274489001</v>
      </c>
      <c r="AC56" s="92">
        <v>0.12448753852830187</v>
      </c>
      <c r="AD56" s="210">
        <v>47</v>
      </c>
      <c r="AE56" s="214">
        <v>0.39155542867451287</v>
      </c>
      <c r="AF56" s="92">
        <v>0.13720234758832994</v>
      </c>
      <c r="AG56" s="214">
        <v>6.4175799584325899E-2</v>
      </c>
      <c r="AH56" s="92">
        <v>8.3400181492887041E-2</v>
      </c>
      <c r="AI56" s="214">
        <v>0.5442687717411604</v>
      </c>
      <c r="AJ56" s="92">
        <v>0.13956111272359126</v>
      </c>
      <c r="AK56" s="210">
        <v>46</v>
      </c>
      <c r="AL56" s="214">
        <v>0.56470384521598549</v>
      </c>
      <c r="AM56" s="92">
        <v>0.14041551830689786</v>
      </c>
      <c r="AN56" s="214">
        <v>0.18940230333646771</v>
      </c>
      <c r="AO56" s="92">
        <v>0.11605068049718065</v>
      </c>
      <c r="AP56" s="214">
        <v>0.24589385144754616</v>
      </c>
      <c r="AQ56" s="92">
        <v>0.12501136180130135</v>
      </c>
      <c r="AR56" s="210">
        <v>50</v>
      </c>
      <c r="AS56" s="214">
        <v>0.71712526724165437</v>
      </c>
      <c r="AT56" s="92">
        <v>0.12459776728572232</v>
      </c>
      <c r="AU56" s="214">
        <v>0.14442791563865717</v>
      </c>
      <c r="AV56" s="92">
        <v>0.1024172152730391</v>
      </c>
      <c r="AW56" s="214">
        <v>0.13844681711968745</v>
      </c>
      <c r="AX56" s="92">
        <v>0.10107865137091344</v>
      </c>
      <c r="AY56" s="210">
        <v>43</v>
      </c>
      <c r="AZ56" s="214">
        <v>0.49017712824852494</v>
      </c>
      <c r="BA56" s="92">
        <v>0.14584142829681399</v>
      </c>
      <c r="BB56" s="214">
        <v>6.9101965288379349E-2</v>
      </c>
      <c r="BC56" s="92">
        <v>8.9721066616704329E-2</v>
      </c>
      <c r="BD56" s="214">
        <v>0.44072090646309597</v>
      </c>
      <c r="BE56" s="92">
        <v>0.14500437741581307</v>
      </c>
      <c r="BF56" s="210">
        <v>48</v>
      </c>
      <c r="BG56" s="214">
        <v>0.52908826476136572</v>
      </c>
      <c r="BH56" s="92">
        <v>0.13847494624573486</v>
      </c>
      <c r="BI56" s="214">
        <v>0.25440225838698977</v>
      </c>
      <c r="BJ56" s="92">
        <v>0.12360127192005456</v>
      </c>
      <c r="BK56" s="214">
        <v>0.21650947685164429</v>
      </c>
      <c r="BL56" s="92">
        <v>0.11816602222658222</v>
      </c>
      <c r="BM56" s="210">
        <v>50</v>
      </c>
      <c r="BN56" s="214">
        <v>0.55881608636756097</v>
      </c>
      <c r="BO56" s="92">
        <v>0.13527316132776901</v>
      </c>
      <c r="BP56" s="214">
        <v>0.11044836563690966</v>
      </c>
      <c r="BQ56" s="92">
        <v>9.4240993701697431E-2</v>
      </c>
      <c r="BR56" s="214">
        <v>0.33073554799552868</v>
      </c>
      <c r="BS56" s="92">
        <v>0.12922471181965492</v>
      </c>
      <c r="BT56" s="210">
        <v>42</v>
      </c>
      <c r="BU56" s="214">
        <v>0.75530987071277811</v>
      </c>
      <c r="BV56" s="92">
        <v>0.13043745405785487</v>
      </c>
      <c r="BW56" s="214">
        <v>6.7510771475946668E-2</v>
      </c>
      <c r="BX56" s="92">
        <v>9.0442691452834914E-2</v>
      </c>
      <c r="BY56" s="214">
        <v>0.1771793578112745</v>
      </c>
      <c r="BZ56" s="92">
        <v>0.11909910406023277</v>
      </c>
    </row>
    <row r="57" spans="1:78">
      <c r="A57" s="40" t="s">
        <v>550</v>
      </c>
      <c r="B57" s="319">
        <v>59</v>
      </c>
      <c r="C57" s="320">
        <v>0.32302239598153898</v>
      </c>
      <c r="D57" s="315">
        <v>0.1188649878029477</v>
      </c>
      <c r="E57" s="320">
        <v>0.23773998532194249</v>
      </c>
      <c r="F57" s="315">
        <v>0.10974036397325891</v>
      </c>
      <c r="G57" s="320">
        <v>0.43923761869651817</v>
      </c>
      <c r="H57" s="315">
        <v>0.12516956963339942</v>
      </c>
      <c r="I57" s="319">
        <v>58</v>
      </c>
      <c r="J57" s="320">
        <v>0.3208601947225373</v>
      </c>
      <c r="K57" s="315">
        <v>0.11965437854245067</v>
      </c>
      <c r="L57" s="320">
        <v>0.28469740718404746</v>
      </c>
      <c r="M57" s="315">
        <v>0.11624034189016159</v>
      </c>
      <c r="N57" s="320">
        <v>0.3944423980934153</v>
      </c>
      <c r="O57" s="315">
        <v>0.12449872243681633</v>
      </c>
      <c r="P57" s="319">
        <v>56</v>
      </c>
      <c r="Q57" s="320">
        <v>0.40653851408477754</v>
      </c>
      <c r="R57" s="315">
        <v>0.12711957663438073</v>
      </c>
      <c r="S57" s="320">
        <v>0.209265157056711</v>
      </c>
      <c r="T57" s="315">
        <v>0.10843363864472269</v>
      </c>
      <c r="U57" s="320">
        <v>0.38419632885851157</v>
      </c>
      <c r="V57" s="315">
        <v>0.12604707399431159</v>
      </c>
      <c r="W57" s="319">
        <v>57</v>
      </c>
      <c r="X57" s="320">
        <v>0.53880760666869731</v>
      </c>
      <c r="Y57" s="315">
        <v>0.12769970050949006</v>
      </c>
      <c r="Z57" s="320">
        <v>0.12196142688219785</v>
      </c>
      <c r="AA57" s="315">
        <v>9.061358492156045E-2</v>
      </c>
      <c r="AB57" s="320">
        <v>0.33923096644910522</v>
      </c>
      <c r="AC57" s="315">
        <v>0.12212111913276173</v>
      </c>
      <c r="AD57" s="319">
        <v>61</v>
      </c>
      <c r="AE57" s="320">
        <v>0.63176365680854241</v>
      </c>
      <c r="AF57" s="315">
        <v>0.12018176241735468</v>
      </c>
      <c r="AG57" s="320">
        <v>0.11616627338672719</v>
      </c>
      <c r="AH57" s="315">
        <v>8.6021985756679201E-2</v>
      </c>
      <c r="AI57" s="320">
        <v>0.25207006980473007</v>
      </c>
      <c r="AJ57" s="315">
        <v>0.1097867619714416</v>
      </c>
      <c r="AK57" s="319">
        <v>56</v>
      </c>
      <c r="AL57" s="320">
        <v>0.58604141795808751</v>
      </c>
      <c r="AM57" s="315">
        <v>0.12742345546227529</v>
      </c>
      <c r="AN57" s="320">
        <v>0.16095558069886728</v>
      </c>
      <c r="AO57" s="315">
        <v>9.9954924390856209E-2</v>
      </c>
      <c r="AP57" s="320">
        <v>0.25300300134304526</v>
      </c>
      <c r="AQ57" s="315">
        <v>0.11455876913299219</v>
      </c>
      <c r="AR57" s="319">
        <v>67</v>
      </c>
      <c r="AS57" s="320">
        <v>0.62850556004985147</v>
      </c>
      <c r="AT57" s="315">
        <v>0.11513485131608092</v>
      </c>
      <c r="AU57" s="320">
        <v>0.1464087535863938</v>
      </c>
      <c r="AV57" s="315">
        <v>8.838581306882258E-2</v>
      </c>
      <c r="AW57" s="320">
        <v>0.22508568636375417</v>
      </c>
      <c r="AX57" s="315">
        <v>0.10145367510771651</v>
      </c>
      <c r="AY57" s="319">
        <v>52</v>
      </c>
      <c r="AZ57" s="320">
        <v>0.31459650494434827</v>
      </c>
      <c r="BA57" s="315">
        <v>0.12545938463790729</v>
      </c>
      <c r="BB57" s="320">
        <v>0.14746560559227656</v>
      </c>
      <c r="BC57" s="315">
        <v>0.10100911331378802</v>
      </c>
      <c r="BD57" s="320">
        <v>0.53793788946337517</v>
      </c>
      <c r="BE57" s="315">
        <v>0.13329853315625809</v>
      </c>
      <c r="BF57" s="319">
        <v>65</v>
      </c>
      <c r="BG57" s="320">
        <v>0.3825283425885766</v>
      </c>
      <c r="BH57" s="315">
        <v>0.1174003399171088</v>
      </c>
      <c r="BI57" s="320">
        <v>0.23346469252268576</v>
      </c>
      <c r="BJ57" s="315">
        <v>0.10410608645100913</v>
      </c>
      <c r="BK57" s="320">
        <v>0.38400696488873737</v>
      </c>
      <c r="BL57" s="315">
        <v>0.11747594982634016</v>
      </c>
      <c r="BM57" s="319">
        <v>65</v>
      </c>
      <c r="BN57" s="320">
        <v>0.43960898252369973</v>
      </c>
      <c r="BO57" s="315">
        <v>0.119604061242152</v>
      </c>
      <c r="BP57" s="320">
        <v>0.24439767076105018</v>
      </c>
      <c r="BQ57" s="315">
        <v>0.10550710634474005</v>
      </c>
      <c r="BR57" s="320">
        <v>0.31599334671524976</v>
      </c>
      <c r="BS57" s="315">
        <v>0.11291997493486212</v>
      </c>
      <c r="BT57" s="319">
        <v>42</v>
      </c>
      <c r="BU57" s="320">
        <v>0.54879536623338876</v>
      </c>
      <c r="BV57" s="315">
        <v>0.14685547268888802</v>
      </c>
      <c r="BW57" s="320">
        <v>0.24132852257182713</v>
      </c>
      <c r="BX57" s="315">
        <v>0.12995645023775873</v>
      </c>
      <c r="BY57" s="320">
        <v>0.20987611119478466</v>
      </c>
      <c r="BZ57" s="315">
        <v>0.12504964409286576</v>
      </c>
    </row>
    <row r="58" spans="1:78">
      <c r="A58" s="44" t="s">
        <v>551</v>
      </c>
      <c r="B58" s="210">
        <v>44</v>
      </c>
      <c r="C58" s="214">
        <v>0.63176809963521652</v>
      </c>
      <c r="D58" s="92">
        <v>0.14006260446750479</v>
      </c>
      <c r="E58" s="214">
        <v>0.11013024684171908</v>
      </c>
      <c r="F58" s="92">
        <v>0.10094515907832072</v>
      </c>
      <c r="G58" s="214">
        <v>0.25810165352306408</v>
      </c>
      <c r="H58" s="92">
        <v>0.12936746933391963</v>
      </c>
      <c r="I58" s="210">
        <v>42</v>
      </c>
      <c r="J58" s="214">
        <v>0.52153535445691124</v>
      </c>
      <c r="K58" s="92">
        <v>0.1473279033287227</v>
      </c>
      <c r="L58" s="214">
        <v>0.24184715666342033</v>
      </c>
      <c r="M58" s="92">
        <v>0.13003118736199232</v>
      </c>
      <c r="N58" s="214">
        <v>0.23661748887966852</v>
      </c>
      <c r="O58" s="92">
        <v>0.12926868599307598</v>
      </c>
      <c r="P58" s="210">
        <v>39</v>
      </c>
      <c r="Q58" s="214">
        <v>0.38824826547195868</v>
      </c>
      <c r="R58" s="92">
        <v>0.14933244193009754</v>
      </c>
      <c r="S58" s="214">
        <v>0.27615326017341901</v>
      </c>
      <c r="T58" s="92">
        <v>0.13936111425763004</v>
      </c>
      <c r="U58" s="214">
        <v>0.33559847435462214</v>
      </c>
      <c r="V58" s="92">
        <v>0.14555960877208229</v>
      </c>
      <c r="W58" s="210">
        <v>47</v>
      </c>
      <c r="X58" s="214">
        <v>0.78679442072016559</v>
      </c>
      <c r="Y58" s="92">
        <v>0.11886559174443723</v>
      </c>
      <c r="Z58" s="214">
        <v>0.1494917003246142</v>
      </c>
      <c r="AA58" s="92">
        <v>0.10688448053624372</v>
      </c>
      <c r="AB58" s="214">
        <v>6.3713878955220044E-2</v>
      </c>
      <c r="AC58" s="92">
        <v>8.3239151622107738E-2</v>
      </c>
      <c r="AD58" s="210">
        <v>43</v>
      </c>
      <c r="AE58" s="214">
        <v>0.59676803452573934</v>
      </c>
      <c r="AF58" s="92">
        <v>0.14356020429916769</v>
      </c>
      <c r="AG58" s="214">
        <v>0.21978231506976328</v>
      </c>
      <c r="AH58" s="92">
        <v>0.12523161365855393</v>
      </c>
      <c r="AI58" s="214">
        <v>0.18344965040449726</v>
      </c>
      <c r="AJ58" s="92">
        <v>0.11890497157521242</v>
      </c>
      <c r="AK58" s="210">
        <v>42</v>
      </c>
      <c r="AL58" s="214">
        <v>0.65304648981510938</v>
      </c>
      <c r="AM58" s="92">
        <v>0.14156678054730479</v>
      </c>
      <c r="AN58" s="214">
        <v>9.928564655557752E-2</v>
      </c>
      <c r="AO58" s="92">
        <v>0.1004941772037936</v>
      </c>
      <c r="AP58" s="214">
        <v>0.24766786362931292</v>
      </c>
      <c r="AQ58" s="92">
        <v>0.1308568253305617</v>
      </c>
      <c r="AR58" s="210">
        <v>44</v>
      </c>
      <c r="AS58" s="214">
        <v>0.72603927824413317</v>
      </c>
      <c r="AT58" s="92">
        <v>0.13136052579019691</v>
      </c>
      <c r="AU58" s="214">
        <v>0.12184735039385206</v>
      </c>
      <c r="AV58" s="92">
        <v>0.10401953332492567</v>
      </c>
      <c r="AW58" s="214">
        <v>0.15211337136201475</v>
      </c>
      <c r="AX58" s="92">
        <v>0.11117002464371339</v>
      </c>
      <c r="AY58" s="210">
        <v>43</v>
      </c>
      <c r="AZ58" s="214">
        <v>0.65704844308727428</v>
      </c>
      <c r="BA58" s="92">
        <v>0.13971256366642543</v>
      </c>
      <c r="BB58" s="214">
        <v>0.13156810510107575</v>
      </c>
      <c r="BC58" s="92">
        <v>0.10773481140847287</v>
      </c>
      <c r="BD58" s="214">
        <v>0.21138345181164989</v>
      </c>
      <c r="BE58" s="92">
        <v>0.12386532907877677</v>
      </c>
      <c r="BF58" s="210">
        <v>42</v>
      </c>
      <c r="BG58" s="214">
        <v>0.57400336811880526</v>
      </c>
      <c r="BH58" s="92">
        <v>0.14608946806994613</v>
      </c>
      <c r="BI58" s="214">
        <v>0.1936555405097159</v>
      </c>
      <c r="BJ58" s="92">
        <v>0.12221316352032399</v>
      </c>
      <c r="BK58" s="214">
        <v>0.23234109137147865</v>
      </c>
      <c r="BL58" s="92">
        <v>0.12863036106696243</v>
      </c>
      <c r="BM58" s="210">
        <v>45</v>
      </c>
      <c r="BN58" s="214">
        <v>0.67937968124268688</v>
      </c>
      <c r="BO58" s="92">
        <v>0.13488071969787666</v>
      </c>
      <c r="BP58" s="214">
        <v>9.8087309550020374E-2</v>
      </c>
      <c r="BQ58" s="92">
        <v>9.6367753418611146E-2</v>
      </c>
      <c r="BR58" s="214">
        <v>0.22253300920729235</v>
      </c>
      <c r="BS58" s="92">
        <v>0.12291310620163581</v>
      </c>
      <c r="BT58" s="210">
        <v>41</v>
      </c>
      <c r="BU58" s="214">
        <v>0.68628908425981183</v>
      </c>
      <c r="BV58" s="92">
        <v>0.14021941808249944</v>
      </c>
      <c r="BW58" s="214">
        <v>0.10388275214763007</v>
      </c>
      <c r="BX58" s="92">
        <v>0.10317030713050279</v>
      </c>
      <c r="BY58" s="214">
        <v>0.20982816359255799</v>
      </c>
      <c r="BZ58" s="92">
        <v>0.1265275932738763</v>
      </c>
    </row>
  </sheetData>
  <mergeCells count="16">
    <mergeCell ref="A3:D3"/>
    <mergeCell ref="A4:D4"/>
    <mergeCell ref="A5:D5"/>
    <mergeCell ref="A32:BZ32"/>
    <mergeCell ref="A33:BZ33"/>
    <mergeCell ref="B34:H34"/>
    <mergeCell ref="I34:O34"/>
    <mergeCell ref="P34:V34"/>
    <mergeCell ref="W34:AC34"/>
    <mergeCell ref="AD34:AJ34"/>
    <mergeCell ref="BT34:BZ34"/>
    <mergeCell ref="AK34:AQ34"/>
    <mergeCell ref="AR34:AX34"/>
    <mergeCell ref="AY34:BE34"/>
    <mergeCell ref="BF34:BL34"/>
    <mergeCell ref="BM34:BS34"/>
  </mergeCells>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293"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295" t="s">
        <v>358</v>
      </c>
      <c r="F1" s="325"/>
      <c r="G1" s="325"/>
      <c r="H1" s="325"/>
      <c r="I1" s="325"/>
      <c r="J1" s="325"/>
      <c r="K1" s="325"/>
      <c r="L1" s="325"/>
      <c r="M1" s="325"/>
      <c r="N1" s="325"/>
    </row>
    <row r="2" spans="1:14" ht="21">
      <c r="A2" s="296"/>
      <c r="B2" s="12"/>
      <c r="C2" s="12"/>
      <c r="D2" s="12"/>
      <c r="E2" s="12"/>
      <c r="F2" s="326"/>
      <c r="G2" s="326"/>
      <c r="H2" s="326"/>
      <c r="I2" s="326"/>
      <c r="J2" s="326"/>
      <c r="K2" s="326"/>
      <c r="L2" s="326"/>
      <c r="M2" s="326"/>
      <c r="N2" s="326"/>
    </row>
    <row r="3" spans="1:14" s="11" customFormat="1" ht="21">
      <c r="A3" s="297" t="s">
        <v>151</v>
      </c>
      <c r="B3" s="10"/>
      <c r="C3" s="10"/>
      <c r="D3" s="10"/>
      <c r="E3" s="10"/>
      <c r="F3" s="19"/>
      <c r="G3" s="19"/>
      <c r="H3" s="19"/>
      <c r="I3" s="19"/>
      <c r="J3" s="19"/>
      <c r="K3" s="19"/>
      <c r="L3" s="19"/>
      <c r="M3" s="19"/>
      <c r="N3" s="19"/>
    </row>
    <row r="4" spans="1:14" s="11" customFormat="1" ht="31.5">
      <c r="A4" s="296" t="s">
        <v>458</v>
      </c>
      <c r="B4" s="10"/>
      <c r="C4" s="10"/>
      <c r="D4" s="10"/>
      <c r="E4" s="10"/>
      <c r="F4" s="19"/>
      <c r="G4" s="19"/>
      <c r="H4" s="19"/>
      <c r="I4" s="19"/>
      <c r="J4" s="19"/>
      <c r="K4" s="19"/>
      <c r="L4" s="19"/>
      <c r="M4" s="19"/>
      <c r="N4" s="19"/>
    </row>
    <row r="5" spans="1:14" ht="18.75" customHeight="1">
      <c r="A5" s="296"/>
      <c r="B5" s="12"/>
      <c r="C5" s="12"/>
      <c r="D5" s="12"/>
      <c r="E5" s="12"/>
      <c r="F5" s="19"/>
      <c r="G5" s="19"/>
      <c r="H5" s="19"/>
      <c r="I5" s="19"/>
      <c r="J5" s="19"/>
      <c r="K5" s="19"/>
      <c r="L5" s="19"/>
      <c r="M5" s="19"/>
      <c r="N5" s="19"/>
    </row>
    <row r="6" spans="1:14">
      <c r="A6" s="298" t="s">
        <v>152</v>
      </c>
      <c r="B6" s="12"/>
      <c r="C6" s="12"/>
      <c r="D6" s="12"/>
      <c r="E6" s="12"/>
    </row>
    <row r="7" spans="1:14" ht="51" customHeight="1">
      <c r="A7" s="299" t="s">
        <v>222</v>
      </c>
      <c r="B7" s="12"/>
      <c r="C7" s="12"/>
      <c r="D7" s="12"/>
      <c r="E7" s="12"/>
      <c r="F7" s="12"/>
      <c r="G7" s="12"/>
    </row>
    <row r="8" spans="1:14">
      <c r="A8" s="220"/>
      <c r="B8" s="12"/>
      <c r="C8" s="12"/>
      <c r="D8" s="12"/>
      <c r="E8" s="12"/>
      <c r="F8" s="12"/>
      <c r="G8" s="12"/>
    </row>
    <row r="9" spans="1:14">
      <c r="A9" s="297" t="s">
        <v>153</v>
      </c>
      <c r="B9" s="12"/>
      <c r="C9" s="12"/>
      <c r="D9" s="12"/>
      <c r="E9" s="12"/>
      <c r="F9" s="12"/>
      <c r="G9" s="12"/>
    </row>
    <row r="10" spans="1:14" ht="30">
      <c r="A10" s="296" t="s">
        <v>615</v>
      </c>
      <c r="B10" s="12"/>
      <c r="C10" s="12"/>
      <c r="D10" s="12"/>
      <c r="E10" s="12"/>
      <c r="F10" s="12"/>
      <c r="G10" s="12"/>
    </row>
    <row r="11" spans="1:14">
      <c r="A11" s="222"/>
      <c r="B11" s="13"/>
      <c r="C11" s="13"/>
      <c r="D11" s="13"/>
      <c r="E11" s="13"/>
    </row>
    <row r="12" spans="1:14">
      <c r="A12" s="297" t="s">
        <v>154</v>
      </c>
    </row>
    <row r="13" spans="1:14" ht="135">
      <c r="A13" s="296" t="s">
        <v>459</v>
      </c>
    </row>
    <row r="14" spans="1:14">
      <c r="A14" s="220"/>
    </row>
    <row r="15" spans="1:14">
      <c r="A15" s="298" t="s">
        <v>2</v>
      </c>
    </row>
    <row r="16" spans="1:14" ht="45">
      <c r="A16" s="299"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8"/>
  <sheetViews>
    <sheetView workbookViewId="0"/>
  </sheetViews>
  <sheetFormatPr defaultColWidth="8.85546875" defaultRowHeight="15"/>
  <cols>
    <col min="1" max="1" width="135.85546875" style="308" customWidth="1"/>
    <col min="2" max="7" width="8.85546875" style="2"/>
    <col min="8" max="8" width="19.42578125" style="2" customWidth="1"/>
    <col min="9" max="10" width="8.85546875" style="2"/>
    <col min="11" max="11" width="9.140625" style="2" customWidth="1"/>
    <col min="12" max="16384" width="8.85546875" style="2"/>
  </cols>
  <sheetData>
    <row r="1" spans="1:14" ht="23.25">
      <c r="A1" s="295" t="s">
        <v>552</v>
      </c>
      <c r="B1" s="8"/>
      <c r="C1" s="8"/>
      <c r="D1" s="8"/>
      <c r="E1" s="8"/>
      <c r="F1" s="8"/>
      <c r="G1" s="8"/>
      <c r="N1" s="7"/>
    </row>
    <row r="2" spans="1:14" ht="75">
      <c r="A2" s="303" t="s">
        <v>611</v>
      </c>
      <c r="B2" s="6"/>
      <c r="C2" s="6"/>
      <c r="D2" s="6"/>
    </row>
    <row r="3" spans="1:14" s="16" customFormat="1">
      <c r="A3" s="296"/>
      <c r="B3" s="12"/>
      <c r="C3" s="12"/>
      <c r="D3" s="12"/>
    </row>
    <row r="4" spans="1:14" s="221" customFormat="1">
      <c r="A4" s="297" t="s">
        <v>349</v>
      </c>
      <c r="B4" s="12"/>
      <c r="C4" s="12"/>
      <c r="D4" s="12"/>
    </row>
    <row r="5" spans="1:14" s="221" customFormat="1" ht="30">
      <c r="A5" s="296" t="s">
        <v>570</v>
      </c>
      <c r="B5" s="12"/>
      <c r="C5" s="12"/>
      <c r="D5" s="12"/>
    </row>
    <row r="6" spans="1:14" s="221" customFormat="1">
      <c r="A6" s="296"/>
      <c r="B6" s="12"/>
      <c r="C6" s="12"/>
      <c r="D6" s="12"/>
    </row>
    <row r="7" spans="1:14" s="17" customFormat="1">
      <c r="A7" s="298" t="s">
        <v>350</v>
      </c>
      <c r="B7" s="12"/>
      <c r="C7" s="12"/>
      <c r="D7" s="12"/>
    </row>
    <row r="8" spans="1:14" s="17" customFormat="1" ht="30">
      <c r="A8" s="301" t="s">
        <v>571</v>
      </c>
      <c r="B8" s="12"/>
      <c r="C8" s="12"/>
      <c r="D8" s="12"/>
    </row>
    <row r="9" spans="1:14" s="221" customFormat="1">
      <c r="A9" s="301"/>
      <c r="B9" s="12"/>
      <c r="C9" s="12"/>
      <c r="D9" s="12"/>
    </row>
    <row r="10" spans="1:14" s="221" customFormat="1">
      <c r="A10" s="302" t="s">
        <v>351</v>
      </c>
      <c r="B10" s="12"/>
      <c r="C10" s="12"/>
      <c r="D10" s="12"/>
    </row>
    <row r="11" spans="1:14" s="221" customFormat="1" ht="30">
      <c r="A11" s="301" t="s">
        <v>612</v>
      </c>
      <c r="B11" s="12"/>
      <c r="C11" s="12"/>
      <c r="D11" s="12"/>
    </row>
    <row r="12" spans="1:14" s="221" customFormat="1">
      <c r="A12" s="301"/>
      <c r="B12" s="12"/>
      <c r="C12" s="12"/>
      <c r="D12" s="12"/>
    </row>
    <row r="13" spans="1:14" s="221" customFormat="1">
      <c r="A13" s="302" t="s">
        <v>533</v>
      </c>
      <c r="B13" s="12"/>
      <c r="C13" s="12"/>
      <c r="D13" s="12"/>
    </row>
    <row r="14" spans="1:14" s="221" customFormat="1" ht="30">
      <c r="A14" s="301" t="s">
        <v>613</v>
      </c>
      <c r="B14" s="12"/>
      <c r="C14" s="12"/>
      <c r="D14" s="12"/>
    </row>
    <row r="15" spans="1:14" s="221" customFormat="1">
      <c r="A15" s="301"/>
      <c r="B15" s="12"/>
      <c r="C15" s="12"/>
      <c r="D15" s="12"/>
    </row>
    <row r="16" spans="1:14" s="221" customFormat="1">
      <c r="A16" s="302" t="s">
        <v>534</v>
      </c>
      <c r="B16" s="12"/>
      <c r="C16" s="12"/>
      <c r="D16" s="12"/>
    </row>
    <row r="17" spans="1:4" s="221" customFormat="1" ht="45">
      <c r="A17" s="301" t="s">
        <v>614</v>
      </c>
      <c r="B17" s="12"/>
      <c r="C17" s="12"/>
      <c r="D17" s="12"/>
    </row>
    <row r="18" spans="1:4" s="17" customFormat="1">
      <c r="A18" s="296"/>
      <c r="B18" s="12"/>
      <c r="C18" s="12"/>
      <c r="D18" s="12"/>
    </row>
    <row r="19" spans="1:4">
      <c r="A19" s="304" t="s">
        <v>535</v>
      </c>
    </row>
    <row r="20" spans="1:4" ht="45">
      <c r="A20" s="305" t="s">
        <v>558</v>
      </c>
    </row>
    <row r="21" spans="1:4" s="16" customFormat="1">
      <c r="A21" s="306"/>
    </row>
    <row r="22" spans="1:4">
      <c r="A22" s="307" t="s">
        <v>536</v>
      </c>
    </row>
    <row r="23" spans="1:4" ht="30">
      <c r="A23" s="303" t="s">
        <v>559</v>
      </c>
    </row>
    <row r="24" spans="1:4">
      <c r="A24" s="299"/>
    </row>
    <row r="25" spans="1:4" s="221" customFormat="1">
      <c r="A25" s="307" t="s">
        <v>537</v>
      </c>
    </row>
    <row r="26" spans="1:4" s="221" customFormat="1" ht="30">
      <c r="A26" s="303" t="s">
        <v>560</v>
      </c>
    </row>
    <row r="27" spans="1:4" s="221" customFormat="1">
      <c r="A27" s="299"/>
    </row>
    <row r="28" spans="1:4" s="18" customFormat="1">
      <c r="A28" s="298" t="s">
        <v>538</v>
      </c>
    </row>
    <row r="29" spans="1:4" s="18" customFormat="1" ht="30">
      <c r="A29" s="303" t="s">
        <v>561</v>
      </c>
    </row>
    <row r="30" spans="1:4" s="18" customFormat="1">
      <c r="A30" s="299"/>
    </row>
    <row r="31" spans="1:4" s="18" customFormat="1">
      <c r="A31" s="298" t="s">
        <v>539</v>
      </c>
    </row>
    <row r="32" spans="1:4" s="18" customFormat="1" ht="30">
      <c r="A32" s="303" t="s">
        <v>562</v>
      </c>
    </row>
    <row r="33" spans="1:1">
      <c r="A33" s="299"/>
    </row>
    <row r="34" spans="1:1">
      <c r="A34" s="298" t="s">
        <v>540</v>
      </c>
    </row>
    <row r="35" spans="1:1" ht="45">
      <c r="A35" s="303" t="s">
        <v>563</v>
      </c>
    </row>
    <row r="36" spans="1:1" s="221" customFormat="1">
      <c r="A36" s="303"/>
    </row>
    <row r="37" spans="1:1">
      <c r="A37" s="298" t="s">
        <v>541</v>
      </c>
    </row>
    <row r="38" spans="1:1" ht="30">
      <c r="A38" s="303" t="s">
        <v>553</v>
      </c>
    </row>
    <row r="39" spans="1:1">
      <c r="A39" s="303"/>
    </row>
    <row r="40" spans="1:1">
      <c r="A40" s="298" t="s">
        <v>542</v>
      </c>
    </row>
    <row r="41" spans="1:1" ht="30">
      <c r="A41" s="303" t="s">
        <v>554</v>
      </c>
    </row>
    <row r="42" spans="1:1">
      <c r="A42" s="303"/>
    </row>
    <row r="43" spans="1:1">
      <c r="A43" s="298" t="s">
        <v>543</v>
      </c>
    </row>
    <row r="44" spans="1:1" ht="30">
      <c r="A44" s="303" t="s">
        <v>555</v>
      </c>
    </row>
    <row r="45" spans="1:1" s="221" customFormat="1">
      <c r="A45" s="303"/>
    </row>
    <row r="46" spans="1:1" s="221" customFormat="1">
      <c r="A46" s="298" t="s">
        <v>544</v>
      </c>
    </row>
    <row r="47" spans="1:1" s="221" customFormat="1" ht="30">
      <c r="A47" s="303" t="s">
        <v>564</v>
      </c>
    </row>
    <row r="48" spans="1:1" s="221" customFormat="1">
      <c r="A48" s="303"/>
    </row>
    <row r="49" spans="1:1" s="221" customFormat="1">
      <c r="A49" s="298" t="s">
        <v>545</v>
      </c>
    </row>
    <row r="50" spans="1:1" s="221" customFormat="1" ht="45">
      <c r="A50" s="303" t="s">
        <v>565</v>
      </c>
    </row>
    <row r="51" spans="1:1" s="221" customFormat="1">
      <c r="A51" s="303"/>
    </row>
    <row r="52" spans="1:1" s="221" customFormat="1">
      <c r="A52" s="298" t="s">
        <v>546</v>
      </c>
    </row>
    <row r="53" spans="1:1" s="221" customFormat="1" ht="30">
      <c r="A53" s="303" t="s">
        <v>566</v>
      </c>
    </row>
    <row r="54" spans="1:1" s="221" customFormat="1">
      <c r="A54" s="299"/>
    </row>
    <row r="55" spans="1:1" s="221" customFormat="1">
      <c r="A55" s="298" t="s">
        <v>547</v>
      </c>
    </row>
    <row r="56" spans="1:1" s="221" customFormat="1">
      <c r="A56" s="303" t="s">
        <v>556</v>
      </c>
    </row>
    <row r="57" spans="1:1" s="221" customFormat="1">
      <c r="A57" s="303"/>
    </row>
    <row r="58" spans="1:1" s="221" customFormat="1">
      <c r="A58" s="298" t="s">
        <v>548</v>
      </c>
    </row>
    <row r="59" spans="1:1" s="221" customFormat="1" ht="30">
      <c r="A59" s="303" t="s">
        <v>567</v>
      </c>
    </row>
    <row r="60" spans="1:1" s="221" customFormat="1">
      <c r="A60" s="303"/>
    </row>
    <row r="61" spans="1:1" s="221" customFormat="1">
      <c r="A61" s="298" t="s">
        <v>549</v>
      </c>
    </row>
    <row r="62" spans="1:1" s="221" customFormat="1" ht="30">
      <c r="A62" s="303" t="s">
        <v>568</v>
      </c>
    </row>
    <row r="63" spans="1:1" s="221" customFormat="1">
      <c r="A63" s="303"/>
    </row>
    <row r="64" spans="1:1" s="221" customFormat="1">
      <c r="A64" s="298" t="s">
        <v>550</v>
      </c>
    </row>
    <row r="65" spans="1:1" s="221" customFormat="1" ht="30">
      <c r="A65" s="303" t="s">
        <v>569</v>
      </c>
    </row>
    <row r="66" spans="1:1" s="221" customFormat="1">
      <c r="A66" s="303"/>
    </row>
    <row r="67" spans="1:1" s="221" customFormat="1">
      <c r="A67" s="298" t="s">
        <v>551</v>
      </c>
    </row>
    <row r="68" spans="1:1" s="221" customFormat="1">
      <c r="A68" s="303" t="s">
        <v>557</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1" customWidth="1"/>
    <col min="3" max="3" width="36.140625" style="221" customWidth="1"/>
    <col min="4" max="4" width="26.85546875" style="221" customWidth="1"/>
    <col min="5" max="5" width="8.85546875" style="221"/>
    <col min="6" max="6" width="23.42578125" style="221" customWidth="1"/>
    <col min="7" max="16384" width="8.85546875" style="221"/>
  </cols>
  <sheetData>
    <row r="1" spans="1:9" ht="21">
      <c r="A1" s="330" t="s">
        <v>0</v>
      </c>
      <c r="B1" s="330"/>
      <c r="C1" s="330"/>
      <c r="D1" s="330"/>
      <c r="E1" s="322"/>
      <c r="F1" s="322"/>
      <c r="G1" s="322"/>
      <c r="H1" s="322"/>
      <c r="I1" s="322"/>
    </row>
    <row r="2" spans="1:9" ht="21">
      <c r="A2" s="323"/>
      <c r="B2" s="323"/>
      <c r="C2" s="323"/>
      <c r="D2" s="323"/>
      <c r="E2" s="322"/>
      <c r="F2" s="322"/>
      <c r="G2" s="322"/>
      <c r="H2" s="322"/>
      <c r="I2" s="322"/>
    </row>
    <row r="3" spans="1:9" ht="21">
      <c r="A3" s="323" t="s">
        <v>5</v>
      </c>
      <c r="B3" s="323"/>
      <c r="C3" s="323"/>
      <c r="D3" s="323"/>
      <c r="E3" s="322"/>
      <c r="F3" s="322"/>
      <c r="G3" s="322"/>
      <c r="H3" s="322"/>
      <c r="I3" s="322"/>
    </row>
    <row r="4" spans="1:9" ht="21">
      <c r="A4" s="21"/>
      <c r="B4" s="322"/>
      <c r="C4" s="322"/>
      <c r="D4" s="322"/>
      <c r="E4" s="324"/>
      <c r="F4" s="322"/>
      <c r="G4" s="322"/>
      <c r="H4" s="322"/>
      <c r="I4" s="322"/>
    </row>
    <row r="5" spans="1:9" ht="18.75">
      <c r="A5" s="332" t="s">
        <v>59</v>
      </c>
      <c r="B5" s="332"/>
      <c r="C5" s="24"/>
      <c r="D5" s="322"/>
      <c r="E5" s="322"/>
      <c r="F5" s="322"/>
      <c r="G5" s="322"/>
      <c r="H5" s="322"/>
      <c r="I5" s="322"/>
    </row>
    <row r="6" spans="1:9" ht="18.75">
      <c r="A6" s="29"/>
      <c r="B6" s="24"/>
      <c r="C6" s="24"/>
      <c r="D6" s="322"/>
      <c r="E6" s="322"/>
      <c r="F6" s="322"/>
      <c r="G6" s="322"/>
      <c r="H6" s="322"/>
      <c r="I6" s="322"/>
    </row>
    <row r="7" spans="1:9" ht="18.75">
      <c r="A7" s="22">
        <v>1</v>
      </c>
      <c r="B7" s="228" t="s">
        <v>6</v>
      </c>
      <c r="C7" s="322"/>
      <c r="D7" s="322"/>
      <c r="E7" s="24"/>
      <c r="F7" s="24"/>
      <c r="G7" s="322"/>
      <c r="H7" s="322"/>
      <c r="I7" s="322"/>
    </row>
    <row r="8" spans="1:9">
      <c r="A8" s="22"/>
      <c r="B8" s="328" t="s">
        <v>8</v>
      </c>
      <c r="C8" s="328"/>
      <c r="D8" s="328"/>
      <c r="E8" s="328"/>
      <c r="F8" s="328"/>
      <c r="G8" s="322"/>
      <c r="H8" s="322"/>
      <c r="I8" s="322"/>
    </row>
    <row r="9" spans="1:9" ht="18.75">
      <c r="A9" s="29"/>
      <c r="B9" s="24"/>
      <c r="C9" s="24"/>
      <c r="D9" s="322"/>
      <c r="E9" s="322"/>
      <c r="F9" s="322"/>
      <c r="G9" s="322"/>
      <c r="H9" s="322"/>
      <c r="I9" s="322"/>
    </row>
    <row r="10" spans="1:9" ht="18.75">
      <c r="A10" s="22">
        <v>1</v>
      </c>
      <c r="B10" s="23" t="s">
        <v>7</v>
      </c>
      <c r="C10" s="322"/>
      <c r="D10" s="322"/>
      <c r="E10" s="24"/>
      <c r="F10" s="24"/>
      <c r="G10" s="322"/>
      <c r="H10" s="322"/>
      <c r="I10" s="322"/>
    </row>
    <row r="11" spans="1:9">
      <c r="A11" s="22"/>
      <c r="B11" s="328" t="s">
        <v>9</v>
      </c>
      <c r="C11" s="328"/>
      <c r="D11" s="328"/>
      <c r="E11" s="25"/>
      <c r="F11" s="25"/>
      <c r="G11" s="322"/>
      <c r="H11" s="322"/>
      <c r="I11" s="322"/>
    </row>
    <row r="12" spans="1:9" ht="18.75">
      <c r="A12" s="29"/>
      <c r="B12" s="24"/>
      <c r="C12" s="24"/>
      <c r="D12" s="322"/>
      <c r="E12" s="322"/>
      <c r="F12" s="322"/>
      <c r="G12" s="322"/>
      <c r="H12" s="322"/>
      <c r="I12" s="322"/>
    </row>
    <row r="13" spans="1:9" ht="18.75">
      <c r="A13" s="22">
        <v>1</v>
      </c>
      <c r="B13" s="23" t="s">
        <v>54</v>
      </c>
      <c r="C13" s="24"/>
      <c r="D13" s="322"/>
      <c r="E13" s="322"/>
      <c r="F13" s="322"/>
      <c r="G13" s="322"/>
      <c r="H13" s="322"/>
      <c r="I13" s="322"/>
    </row>
    <row r="14" spans="1:9" ht="18.75">
      <c r="A14" s="29"/>
      <c r="B14" s="322" t="s">
        <v>55</v>
      </c>
      <c r="C14" s="24"/>
      <c r="D14" s="322"/>
      <c r="E14" s="322"/>
      <c r="F14" s="322"/>
      <c r="G14" s="322"/>
      <c r="H14" s="322"/>
      <c r="I14" s="322"/>
    </row>
    <row r="15" spans="1:9" ht="18.75">
      <c r="A15" s="29"/>
      <c r="B15" s="322"/>
      <c r="C15" s="24"/>
      <c r="D15" s="322"/>
      <c r="E15" s="322"/>
      <c r="F15" s="322"/>
      <c r="G15" s="322"/>
      <c r="H15" s="322"/>
      <c r="I15" s="322"/>
    </row>
    <row r="16" spans="1:9" ht="18.75">
      <c r="A16" s="22">
        <v>1</v>
      </c>
      <c r="B16" s="23" t="s">
        <v>513</v>
      </c>
      <c r="C16" s="24"/>
      <c r="D16" s="322"/>
      <c r="E16" s="322"/>
      <c r="F16" s="322"/>
      <c r="G16" s="322"/>
      <c r="H16" s="322"/>
      <c r="I16" s="322"/>
    </row>
    <row r="17" spans="1:9" ht="18.75">
      <c r="A17" s="29"/>
      <c r="B17" s="322" t="s">
        <v>56</v>
      </c>
      <c r="C17" s="24"/>
      <c r="D17" s="322"/>
      <c r="E17" s="322"/>
      <c r="F17" s="322"/>
      <c r="G17" s="322"/>
      <c r="H17" s="322"/>
      <c r="I17" s="322"/>
    </row>
    <row r="18" spans="1:9" ht="18.75">
      <c r="A18" s="29"/>
      <c r="B18" s="322"/>
      <c r="C18" s="24"/>
      <c r="D18" s="322"/>
      <c r="E18" s="322"/>
      <c r="F18" s="322"/>
      <c r="G18" s="322"/>
      <c r="H18" s="322"/>
      <c r="I18" s="322"/>
    </row>
    <row r="19" spans="1:9" ht="18.75">
      <c r="A19" s="22">
        <v>1</v>
      </c>
      <c r="B19" s="23" t="s">
        <v>491</v>
      </c>
      <c r="C19" s="24"/>
      <c r="D19" s="322"/>
      <c r="E19" s="322"/>
      <c r="F19" s="322"/>
      <c r="G19" s="322"/>
      <c r="H19" s="322"/>
      <c r="I19" s="322"/>
    </row>
    <row r="20" spans="1:9" ht="18.75">
      <c r="A20" s="29"/>
      <c r="B20" s="322" t="s">
        <v>492</v>
      </c>
      <c r="C20" s="24"/>
      <c r="D20" s="322"/>
      <c r="E20" s="322"/>
      <c r="F20" s="322"/>
      <c r="G20" s="322"/>
      <c r="H20" s="322"/>
      <c r="I20" s="322"/>
    </row>
    <row r="21" spans="1:9" ht="18.75">
      <c r="A21" s="29"/>
      <c r="B21" s="322"/>
      <c r="C21" s="24"/>
      <c r="D21" s="322"/>
      <c r="E21" s="322"/>
      <c r="F21" s="322"/>
      <c r="G21" s="322"/>
      <c r="H21" s="322"/>
      <c r="I21" s="322"/>
    </row>
    <row r="22" spans="1:9" ht="18.75">
      <c r="A22" s="22">
        <v>1</v>
      </c>
      <c r="B22" s="23" t="s">
        <v>493</v>
      </c>
      <c r="C22" s="24"/>
      <c r="D22" s="322"/>
      <c r="E22" s="322"/>
      <c r="F22" s="322"/>
      <c r="G22" s="322"/>
      <c r="H22" s="322"/>
      <c r="I22" s="322"/>
    </row>
    <row r="23" spans="1:9" ht="18.75">
      <c r="A23" s="29"/>
      <c r="B23" s="322" t="s">
        <v>494</v>
      </c>
      <c r="C23" s="24"/>
      <c r="D23" s="322"/>
      <c r="E23" s="322"/>
      <c r="F23" s="322"/>
      <c r="G23" s="322"/>
      <c r="H23" s="322"/>
      <c r="I23" s="322"/>
    </row>
    <row r="24" spans="1:9" ht="18.75">
      <c r="A24" s="29"/>
      <c r="B24" s="322"/>
      <c r="C24" s="24"/>
      <c r="D24" s="322"/>
      <c r="E24" s="322"/>
      <c r="F24" s="322"/>
      <c r="G24" s="322"/>
      <c r="H24" s="322"/>
      <c r="I24" s="322"/>
    </row>
    <row r="25" spans="1:9" ht="18.75">
      <c r="A25" s="333" t="s">
        <v>60</v>
      </c>
      <c r="B25" s="333"/>
      <c r="C25" s="24"/>
      <c r="D25" s="322"/>
      <c r="E25" s="322"/>
      <c r="F25" s="322"/>
      <c r="G25" s="322"/>
      <c r="H25" s="322"/>
      <c r="I25" s="322"/>
    </row>
    <row r="26" spans="1:9" ht="18.75">
      <c r="A26" s="29"/>
      <c r="B26" s="322"/>
      <c r="C26" s="24"/>
      <c r="D26" s="322"/>
      <c r="E26" s="322"/>
      <c r="F26" s="322"/>
      <c r="G26" s="322"/>
      <c r="H26" s="322"/>
      <c r="I26" s="322"/>
    </row>
    <row r="27" spans="1:9" s="15" customFormat="1" ht="18.75">
      <c r="A27" s="22">
        <v>2</v>
      </c>
      <c r="B27" s="23" t="s">
        <v>495</v>
      </c>
      <c r="C27" s="322"/>
      <c r="D27" s="322"/>
      <c r="E27" s="24"/>
      <c r="F27" s="24"/>
      <c r="G27" s="24"/>
      <c r="H27" s="24"/>
      <c r="I27" s="24"/>
    </row>
    <row r="28" spans="1:9">
      <c r="A28" s="22"/>
      <c r="B28" s="327" t="s">
        <v>497</v>
      </c>
      <c r="C28" s="328"/>
      <c r="D28" s="328"/>
      <c r="E28" s="328"/>
      <c r="F28" s="328"/>
      <c r="G28" s="328"/>
      <c r="H28" s="322"/>
      <c r="I28" s="322"/>
    </row>
    <row r="29" spans="1:9">
      <c r="A29" s="22"/>
      <c r="B29" s="322"/>
      <c r="C29" s="322"/>
      <c r="D29" s="322"/>
      <c r="E29" s="322"/>
      <c r="F29" s="322"/>
      <c r="G29" s="322"/>
      <c r="H29" s="322"/>
      <c r="I29" s="322"/>
    </row>
    <row r="30" spans="1:9" s="15" customFormat="1" ht="18.75">
      <c r="A30" s="22">
        <v>2</v>
      </c>
      <c r="B30" s="23" t="s">
        <v>496</v>
      </c>
      <c r="C30" s="322"/>
      <c r="D30" s="322"/>
      <c r="E30" s="24"/>
      <c r="F30" s="24"/>
      <c r="G30" s="24"/>
      <c r="H30" s="24"/>
      <c r="I30" s="24"/>
    </row>
    <row r="31" spans="1:9">
      <c r="A31" s="22"/>
      <c r="B31" s="327" t="s">
        <v>57</v>
      </c>
      <c r="C31" s="328"/>
      <c r="D31" s="328"/>
      <c r="E31" s="328"/>
      <c r="F31" s="328"/>
      <c r="G31" s="328"/>
      <c r="H31" s="322"/>
      <c r="I31" s="322"/>
    </row>
    <row r="32" spans="1:9">
      <c r="A32" s="22"/>
      <c r="B32" s="322"/>
      <c r="C32" s="322"/>
      <c r="D32" s="322"/>
      <c r="E32" s="322"/>
      <c r="F32" s="322"/>
      <c r="G32" s="322"/>
      <c r="H32" s="322"/>
      <c r="I32" s="322"/>
    </row>
    <row r="33" spans="1:9">
      <c r="A33" s="22">
        <v>2</v>
      </c>
      <c r="B33" s="23" t="s">
        <v>338</v>
      </c>
      <c r="C33" s="322"/>
      <c r="D33" s="322"/>
      <c r="E33" s="322"/>
      <c r="F33" s="322"/>
      <c r="G33" s="322"/>
      <c r="H33" s="322"/>
      <c r="I33" s="322"/>
    </row>
    <row r="34" spans="1:9">
      <c r="A34" s="22"/>
      <c r="B34" s="322" t="s">
        <v>58</v>
      </c>
      <c r="C34" s="322"/>
      <c r="D34" s="322"/>
      <c r="E34" s="322"/>
      <c r="F34" s="322"/>
      <c r="G34" s="322"/>
      <c r="H34" s="322"/>
      <c r="I34" s="322"/>
    </row>
    <row r="35" spans="1:9">
      <c r="A35" s="22"/>
      <c r="B35" s="322"/>
      <c r="C35" s="322"/>
      <c r="D35" s="322"/>
      <c r="E35" s="322"/>
      <c r="F35" s="322"/>
      <c r="G35" s="322"/>
      <c r="H35" s="322"/>
      <c r="I35" s="322"/>
    </row>
    <row r="36" spans="1:9">
      <c r="A36" s="22">
        <v>2</v>
      </c>
      <c r="B36" s="23" t="s">
        <v>227</v>
      </c>
      <c r="C36" s="322"/>
      <c r="D36" s="322"/>
      <c r="E36" s="322"/>
      <c r="F36" s="322"/>
      <c r="G36" s="322"/>
      <c r="H36" s="322"/>
      <c r="I36" s="322"/>
    </row>
    <row r="37" spans="1:9">
      <c r="A37" s="22"/>
      <c r="B37" s="322" t="s">
        <v>460</v>
      </c>
      <c r="C37" s="322"/>
      <c r="D37" s="322"/>
      <c r="E37" s="322"/>
      <c r="F37" s="322"/>
      <c r="G37" s="322"/>
      <c r="H37" s="322"/>
      <c r="I37" s="322"/>
    </row>
    <row r="38" spans="1:9">
      <c r="A38" s="22"/>
      <c r="B38" s="322"/>
      <c r="C38" s="322"/>
      <c r="D38" s="322"/>
      <c r="E38" s="322"/>
      <c r="F38" s="322"/>
      <c r="G38" s="322"/>
      <c r="H38" s="322"/>
      <c r="I38" s="322"/>
    </row>
    <row r="39" spans="1:9">
      <c r="A39" s="22">
        <v>2</v>
      </c>
      <c r="B39" s="23" t="s">
        <v>498</v>
      </c>
      <c r="C39" s="322"/>
      <c r="D39" s="322"/>
      <c r="E39" s="322"/>
      <c r="F39" s="322"/>
      <c r="G39" s="322"/>
      <c r="H39" s="322"/>
      <c r="I39" s="322"/>
    </row>
    <row r="40" spans="1:9">
      <c r="A40" s="22"/>
      <c r="B40" s="322" t="s">
        <v>499</v>
      </c>
      <c r="C40" s="322"/>
      <c r="D40" s="322"/>
      <c r="E40" s="322"/>
      <c r="F40" s="322"/>
      <c r="G40" s="322"/>
      <c r="H40" s="322"/>
      <c r="I40" s="322"/>
    </row>
    <row r="41" spans="1:9">
      <c r="A41" s="22"/>
      <c r="B41" s="322"/>
      <c r="C41" s="322"/>
      <c r="D41" s="322"/>
      <c r="E41" s="322"/>
      <c r="F41" s="322"/>
      <c r="G41" s="322"/>
      <c r="H41" s="322"/>
      <c r="I41" s="322"/>
    </row>
    <row r="42" spans="1:9" s="15" customFormat="1" ht="18.75">
      <c r="A42" s="331" t="s">
        <v>18</v>
      </c>
      <c r="B42" s="331"/>
      <c r="C42" s="331"/>
      <c r="D42" s="24"/>
      <c r="E42" s="24"/>
      <c r="F42" s="24"/>
      <c r="G42" s="24"/>
      <c r="H42" s="24"/>
      <c r="I42" s="24"/>
    </row>
    <row r="43" spans="1:9" s="15" customFormat="1" ht="18.75">
      <c r="A43" s="29"/>
      <c r="B43" s="29"/>
      <c r="C43" s="29"/>
      <c r="D43" s="24"/>
      <c r="E43" s="24"/>
      <c r="F43" s="24"/>
      <c r="G43" s="24"/>
      <c r="H43" s="24"/>
      <c r="I43" s="24"/>
    </row>
    <row r="44" spans="1:9" s="15" customFormat="1" ht="18.75">
      <c r="A44" s="333" t="s">
        <v>41</v>
      </c>
      <c r="B44" s="333"/>
      <c r="C44" s="29"/>
      <c r="D44" s="24"/>
      <c r="E44" s="24"/>
      <c r="F44" s="24"/>
      <c r="G44" s="24"/>
      <c r="H44" s="24"/>
      <c r="I44" s="24"/>
    </row>
    <row r="45" spans="1:9" s="15" customFormat="1" ht="18.75">
      <c r="A45" s="29"/>
      <c r="B45" s="29"/>
      <c r="C45" s="29"/>
      <c r="D45" s="24"/>
      <c r="E45" s="24"/>
      <c r="F45" s="24"/>
      <c r="G45" s="24"/>
      <c r="H45" s="24"/>
      <c r="I45" s="24"/>
    </row>
    <row r="46" spans="1:9">
      <c r="A46" s="22">
        <v>3</v>
      </c>
      <c r="B46" s="229" t="s">
        <v>1</v>
      </c>
      <c r="C46" s="322"/>
      <c r="D46" s="322"/>
      <c r="E46" s="322"/>
      <c r="F46" s="322"/>
      <c r="G46" s="322"/>
      <c r="H46" s="322"/>
      <c r="I46" s="322"/>
    </row>
    <row r="47" spans="1:9">
      <c r="A47" s="21"/>
      <c r="B47" s="327" t="s">
        <v>20</v>
      </c>
      <c r="C47" s="328"/>
      <c r="D47" s="328"/>
      <c r="E47" s="328"/>
      <c r="F47" s="23"/>
      <c r="G47" s="322"/>
      <c r="H47" s="322"/>
      <c r="I47" s="322"/>
    </row>
    <row r="48" spans="1:9">
      <c r="A48" s="21"/>
      <c r="B48" s="321"/>
      <c r="C48" s="322"/>
      <c r="D48" s="322"/>
      <c r="E48" s="322"/>
      <c r="F48" s="23"/>
      <c r="G48" s="322"/>
      <c r="H48" s="322"/>
      <c r="I48" s="322"/>
    </row>
    <row r="49" spans="1:9">
      <c r="A49" s="21">
        <v>3</v>
      </c>
      <c r="B49" s="27" t="s">
        <v>34</v>
      </c>
      <c r="C49" s="322"/>
      <c r="D49" s="322"/>
      <c r="E49" s="322"/>
      <c r="F49" s="23"/>
      <c r="G49" s="322"/>
      <c r="H49" s="322"/>
      <c r="I49" s="322"/>
    </row>
    <row r="50" spans="1:9">
      <c r="A50" s="21"/>
      <c r="B50" s="321" t="s">
        <v>514</v>
      </c>
      <c r="C50" s="322"/>
      <c r="D50" s="322"/>
      <c r="E50" s="322"/>
      <c r="F50" s="23"/>
      <c r="G50" s="322"/>
      <c r="H50" s="322"/>
      <c r="I50" s="322"/>
    </row>
    <row r="51" spans="1:9">
      <c r="A51" s="21"/>
      <c r="B51" s="321"/>
      <c r="C51" s="322"/>
      <c r="D51" s="322"/>
      <c r="E51" s="322"/>
      <c r="F51" s="23"/>
      <c r="G51" s="322"/>
      <c r="H51" s="322"/>
      <c r="I51" s="322"/>
    </row>
    <row r="52" spans="1:9">
      <c r="A52" s="21">
        <v>3</v>
      </c>
      <c r="B52" s="27" t="s">
        <v>35</v>
      </c>
      <c r="C52" s="322"/>
      <c r="D52" s="322"/>
      <c r="E52" s="322"/>
      <c r="F52" s="23"/>
      <c r="G52" s="322"/>
      <c r="H52" s="322"/>
      <c r="I52" s="322"/>
    </row>
    <row r="53" spans="1:9">
      <c r="A53" s="21"/>
      <c r="B53" s="321" t="s">
        <v>515</v>
      </c>
      <c r="C53" s="322"/>
      <c r="D53" s="322"/>
      <c r="E53" s="322"/>
      <c r="F53" s="23"/>
      <c r="G53" s="322"/>
      <c r="H53" s="322"/>
      <c r="I53" s="322"/>
    </row>
    <row r="54" spans="1:9">
      <c r="A54" s="21"/>
      <c r="B54" s="321"/>
      <c r="C54" s="322"/>
      <c r="D54" s="322"/>
      <c r="E54" s="322"/>
      <c r="F54" s="23"/>
      <c r="G54" s="322"/>
      <c r="H54" s="322"/>
      <c r="I54" s="322"/>
    </row>
    <row r="55" spans="1:9">
      <c r="A55" s="22">
        <v>3</v>
      </c>
      <c r="B55" s="27" t="s">
        <v>10</v>
      </c>
      <c r="C55" s="322"/>
      <c r="D55" s="322"/>
      <c r="E55" s="322"/>
      <c r="F55" s="322"/>
      <c r="G55" s="322"/>
      <c r="H55" s="322"/>
      <c r="I55" s="322"/>
    </row>
    <row r="56" spans="1:9">
      <c r="A56" s="21"/>
      <c r="B56" s="327" t="s">
        <v>21</v>
      </c>
      <c r="C56" s="328"/>
      <c r="D56" s="322"/>
      <c r="E56" s="322"/>
      <c r="F56" s="322"/>
      <c r="G56" s="322"/>
      <c r="H56" s="322"/>
      <c r="I56" s="322"/>
    </row>
    <row r="57" spans="1:9">
      <c r="A57" s="21"/>
      <c r="B57" s="321"/>
      <c r="C57" s="322"/>
      <c r="D57" s="322"/>
      <c r="E57" s="322"/>
      <c r="F57" s="322"/>
      <c r="G57" s="322"/>
      <c r="H57" s="322"/>
      <c r="I57" s="322"/>
    </row>
    <row r="58" spans="1:9">
      <c r="A58" s="21">
        <v>3</v>
      </c>
      <c r="B58" s="27" t="s">
        <v>36</v>
      </c>
      <c r="C58" s="322"/>
      <c r="D58" s="322"/>
      <c r="E58" s="322"/>
      <c r="F58" s="322"/>
      <c r="G58" s="322"/>
      <c r="H58" s="322"/>
      <c r="I58" s="322"/>
    </row>
    <row r="59" spans="1:9">
      <c r="A59" s="21"/>
      <c r="B59" s="321" t="s">
        <v>516</v>
      </c>
      <c r="C59" s="322"/>
      <c r="D59" s="322"/>
      <c r="E59" s="322"/>
      <c r="F59" s="322"/>
      <c r="G59" s="322"/>
      <c r="H59" s="322"/>
      <c r="I59" s="322"/>
    </row>
    <row r="60" spans="1:9" ht="21">
      <c r="A60" s="26"/>
      <c r="B60" s="322"/>
      <c r="C60" s="322"/>
      <c r="D60" s="322"/>
      <c r="E60" s="322"/>
      <c r="F60" s="322"/>
      <c r="G60" s="322"/>
      <c r="H60" s="322"/>
      <c r="I60" s="322"/>
    </row>
    <row r="61" spans="1:9" s="15" customFormat="1" ht="18.75">
      <c r="A61" s="333" t="s">
        <v>40</v>
      </c>
      <c r="B61" s="333"/>
      <c r="C61" s="29"/>
      <c r="D61" s="24"/>
      <c r="E61" s="24"/>
      <c r="F61" s="24"/>
      <c r="G61" s="24"/>
      <c r="H61" s="24"/>
      <c r="I61" s="24"/>
    </row>
    <row r="62" spans="1:9" s="15" customFormat="1" ht="18.75">
      <c r="A62" s="29"/>
      <c r="B62" s="29"/>
      <c r="C62" s="29"/>
      <c r="D62" s="24"/>
      <c r="E62" s="24"/>
      <c r="F62" s="24"/>
      <c r="G62" s="24"/>
      <c r="H62" s="24"/>
      <c r="I62" s="24"/>
    </row>
    <row r="63" spans="1:9">
      <c r="A63" s="22">
        <v>4</v>
      </c>
      <c r="B63" s="228" t="s">
        <v>3</v>
      </c>
      <c r="C63" s="322"/>
      <c r="D63" s="322"/>
      <c r="E63" s="322"/>
      <c r="F63" s="322"/>
      <c r="G63" s="322"/>
      <c r="H63" s="322"/>
      <c r="I63" s="322"/>
    </row>
    <row r="64" spans="1:9">
      <c r="A64" s="21"/>
      <c r="B64" s="327" t="s">
        <v>19</v>
      </c>
      <c r="C64" s="328"/>
      <c r="D64" s="328"/>
      <c r="E64" s="322"/>
      <c r="F64" s="322"/>
      <c r="G64" s="322"/>
      <c r="H64" s="322"/>
      <c r="I64" s="322"/>
    </row>
    <row r="65" spans="1:9">
      <c r="A65" s="21"/>
      <c r="B65" s="327" t="s">
        <v>31</v>
      </c>
      <c r="C65" s="328"/>
      <c r="D65" s="328"/>
      <c r="E65" s="322"/>
      <c r="F65" s="322"/>
      <c r="G65" s="322"/>
      <c r="H65" s="322"/>
      <c r="I65" s="322"/>
    </row>
    <row r="66" spans="1:9" ht="21">
      <c r="A66" s="26"/>
      <c r="B66" s="322"/>
      <c r="C66" s="322"/>
      <c r="D66" s="322"/>
      <c r="E66" s="322"/>
      <c r="F66" s="322"/>
      <c r="G66" s="322"/>
      <c r="H66" s="322"/>
      <c r="I66" s="322"/>
    </row>
    <row r="67" spans="1:9">
      <c r="A67" s="22">
        <v>4</v>
      </c>
      <c r="B67" s="27" t="s">
        <v>205</v>
      </c>
      <c r="C67" s="322"/>
      <c r="D67" s="322"/>
      <c r="E67" s="322"/>
      <c r="F67" s="322"/>
      <c r="G67" s="322"/>
      <c r="H67" s="322"/>
      <c r="I67" s="322"/>
    </row>
    <row r="68" spans="1:9">
      <c r="A68" s="21"/>
      <c r="B68" s="327" t="s">
        <v>215</v>
      </c>
      <c r="C68" s="328"/>
      <c r="D68" s="322"/>
      <c r="E68" s="322"/>
      <c r="F68" s="322"/>
      <c r="G68" s="322"/>
      <c r="H68" s="322"/>
      <c r="I68" s="322"/>
    </row>
    <row r="69" spans="1:9">
      <c r="A69" s="21"/>
      <c r="B69" s="327" t="s">
        <v>216</v>
      </c>
      <c r="C69" s="328"/>
      <c r="D69" s="328"/>
      <c r="E69" s="328"/>
      <c r="F69" s="322"/>
      <c r="G69" s="322"/>
      <c r="H69" s="322"/>
      <c r="I69" s="322"/>
    </row>
    <row r="70" spans="1:9" ht="21">
      <c r="A70" s="26"/>
      <c r="B70" s="322"/>
      <c r="C70" s="322"/>
      <c r="D70" s="322"/>
      <c r="E70" s="322"/>
      <c r="F70" s="322"/>
      <c r="G70" s="322"/>
      <c r="H70" s="322"/>
      <c r="I70" s="322"/>
    </row>
    <row r="71" spans="1:9">
      <c r="A71" s="22">
        <v>4</v>
      </c>
      <c r="B71" s="27" t="s">
        <v>37</v>
      </c>
      <c r="C71" s="322"/>
      <c r="D71" s="322"/>
      <c r="E71" s="322"/>
      <c r="F71" s="322"/>
      <c r="G71" s="322"/>
      <c r="H71" s="322"/>
      <c r="I71" s="322"/>
    </row>
    <row r="72" spans="1:9">
      <c r="A72" s="21"/>
      <c r="B72" s="327" t="s">
        <v>61</v>
      </c>
      <c r="C72" s="328"/>
      <c r="D72" s="328"/>
      <c r="E72" s="328"/>
      <c r="F72" s="23"/>
      <c r="G72" s="322"/>
      <c r="H72" s="322"/>
      <c r="I72" s="322"/>
    </row>
    <row r="73" spans="1:9">
      <c r="A73" s="21"/>
      <c r="B73" s="327"/>
      <c r="C73" s="328"/>
      <c r="D73" s="328"/>
      <c r="E73" s="328"/>
      <c r="F73" s="322"/>
      <c r="G73" s="23"/>
      <c r="H73" s="322"/>
      <c r="I73" s="322"/>
    </row>
    <row r="74" spans="1:9">
      <c r="A74" s="21">
        <v>4</v>
      </c>
      <c r="B74" s="27" t="s">
        <v>38</v>
      </c>
      <c r="C74" s="322"/>
      <c r="D74" s="322"/>
      <c r="E74" s="322"/>
      <c r="F74" s="322"/>
      <c r="G74" s="23"/>
      <c r="H74" s="322"/>
      <c r="I74" s="322"/>
    </row>
    <row r="75" spans="1:9">
      <c r="A75" s="21"/>
      <c r="B75" s="321" t="s">
        <v>517</v>
      </c>
      <c r="C75" s="322"/>
      <c r="D75" s="322"/>
      <c r="E75" s="322"/>
      <c r="F75" s="322"/>
      <c r="G75" s="23"/>
      <c r="H75" s="322"/>
      <c r="I75" s="322"/>
    </row>
    <row r="76" spans="1:9">
      <c r="A76" s="21"/>
      <c r="B76" s="321"/>
      <c r="C76" s="322"/>
      <c r="D76" s="322"/>
      <c r="E76" s="322"/>
      <c r="F76" s="322"/>
      <c r="G76" s="23"/>
      <c r="H76" s="322"/>
      <c r="I76" s="322"/>
    </row>
    <row r="77" spans="1:9">
      <c r="A77" s="22">
        <v>4</v>
      </c>
      <c r="B77" s="27" t="s">
        <v>4</v>
      </c>
      <c r="C77" s="322"/>
      <c r="D77" s="322"/>
      <c r="E77" s="322"/>
      <c r="F77" s="322"/>
      <c r="G77" s="322"/>
      <c r="H77" s="322"/>
      <c r="I77" s="322"/>
    </row>
    <row r="78" spans="1:9">
      <c r="A78" s="21"/>
      <c r="B78" s="327" t="s">
        <v>22</v>
      </c>
      <c r="C78" s="328"/>
      <c r="D78" s="328"/>
      <c r="E78" s="322"/>
      <c r="F78" s="322"/>
      <c r="G78" s="322"/>
      <c r="H78" s="322"/>
      <c r="I78" s="322"/>
    </row>
    <row r="79" spans="1:9">
      <c r="A79" s="21"/>
      <c r="B79" s="321"/>
      <c r="C79" s="322"/>
      <c r="D79" s="322"/>
      <c r="E79" s="322"/>
      <c r="F79" s="322"/>
      <c r="G79" s="322"/>
      <c r="H79" s="322"/>
      <c r="I79" s="322"/>
    </row>
    <row r="80" spans="1:9">
      <c r="A80" s="22">
        <v>4</v>
      </c>
      <c r="B80" s="27" t="s">
        <v>500</v>
      </c>
      <c r="C80" s="322"/>
      <c r="D80" s="322"/>
      <c r="E80" s="322"/>
      <c r="F80" s="322"/>
      <c r="G80" s="322"/>
      <c r="H80" s="322"/>
      <c r="I80" s="322"/>
    </row>
    <row r="81" spans="1:9">
      <c r="A81" s="21"/>
      <c r="B81" s="327" t="s">
        <v>501</v>
      </c>
      <c r="C81" s="328"/>
      <c r="D81" s="328"/>
      <c r="E81" s="322"/>
      <c r="F81" s="322"/>
      <c r="G81" s="322"/>
      <c r="H81" s="322"/>
      <c r="I81" s="322"/>
    </row>
    <row r="82" spans="1:9">
      <c r="A82" s="21"/>
      <c r="B82" s="321"/>
      <c r="C82" s="322"/>
      <c r="D82" s="322"/>
      <c r="E82" s="322"/>
      <c r="F82" s="322"/>
      <c r="G82" s="322"/>
      <c r="H82" s="322"/>
      <c r="I82" s="322"/>
    </row>
    <row r="83" spans="1:9">
      <c r="A83" s="329" t="s">
        <v>62</v>
      </c>
      <c r="B83" s="329"/>
      <c r="C83" s="322"/>
      <c r="D83" s="322"/>
      <c r="E83" s="322"/>
      <c r="F83" s="322"/>
      <c r="G83" s="322"/>
      <c r="H83" s="322"/>
      <c r="I83" s="322"/>
    </row>
    <row r="84" spans="1:9">
      <c r="A84" s="21"/>
      <c r="B84" s="321"/>
      <c r="C84" s="322"/>
      <c r="D84" s="322"/>
      <c r="E84" s="322"/>
      <c r="F84" s="322"/>
      <c r="G84" s="322"/>
      <c r="H84" s="322"/>
      <c r="I84" s="322"/>
    </row>
    <row r="85" spans="1:9">
      <c r="A85" s="22">
        <v>5</v>
      </c>
      <c r="B85" s="229" t="s">
        <v>11</v>
      </c>
      <c r="C85" s="322"/>
      <c r="D85" s="322"/>
      <c r="E85" s="322"/>
      <c r="F85" s="322"/>
      <c r="G85" s="322"/>
      <c r="H85" s="322"/>
      <c r="I85" s="322"/>
    </row>
    <row r="86" spans="1:9">
      <c r="A86" s="21"/>
      <c r="B86" s="327" t="s">
        <v>23</v>
      </c>
      <c r="C86" s="328"/>
      <c r="D86" s="328"/>
      <c r="E86" s="322"/>
      <c r="F86" s="322"/>
      <c r="G86" s="322"/>
      <c r="H86" s="322"/>
      <c r="I86" s="322"/>
    </row>
    <row r="87" spans="1:9">
      <c r="A87" s="21"/>
      <c r="B87" s="321"/>
      <c r="C87" s="322"/>
      <c r="D87" s="322"/>
      <c r="E87" s="322"/>
      <c r="F87" s="322"/>
      <c r="G87" s="322"/>
      <c r="H87" s="322"/>
      <c r="I87" s="322"/>
    </row>
    <row r="88" spans="1:9">
      <c r="A88" s="21">
        <v>5</v>
      </c>
      <c r="B88" s="27" t="s">
        <v>42</v>
      </c>
      <c r="C88" s="322"/>
      <c r="D88" s="322"/>
      <c r="E88" s="322"/>
      <c r="F88" s="322"/>
      <c r="G88" s="322"/>
      <c r="H88" s="322"/>
      <c r="I88" s="322"/>
    </row>
    <row r="89" spans="1:9">
      <c r="A89" s="21"/>
      <c r="B89" s="321" t="s">
        <v>518</v>
      </c>
      <c r="C89" s="322"/>
      <c r="D89" s="322"/>
      <c r="E89" s="322"/>
      <c r="F89" s="322"/>
      <c r="G89" s="322"/>
      <c r="H89" s="322"/>
      <c r="I89" s="322"/>
    </row>
    <row r="90" spans="1:9">
      <c r="A90" s="21"/>
      <c r="B90" s="322"/>
      <c r="C90" s="322"/>
      <c r="D90" s="322"/>
      <c r="E90" s="322"/>
      <c r="F90" s="322"/>
      <c r="G90" s="322"/>
      <c r="H90" s="322"/>
      <c r="I90" s="322"/>
    </row>
    <row r="91" spans="1:9">
      <c r="A91" s="22">
        <v>5</v>
      </c>
      <c r="B91" s="27" t="s">
        <v>231</v>
      </c>
      <c r="C91" s="322"/>
      <c r="D91" s="322"/>
      <c r="E91" s="322"/>
      <c r="F91" s="322"/>
      <c r="G91" s="322"/>
      <c r="H91" s="322"/>
      <c r="I91" s="322"/>
    </row>
    <row r="92" spans="1:9">
      <c r="A92" s="21"/>
      <c r="B92" s="327" t="s">
        <v>63</v>
      </c>
      <c r="C92" s="328"/>
      <c r="D92" s="328"/>
      <c r="E92" s="322"/>
      <c r="F92" s="322"/>
      <c r="G92" s="322"/>
      <c r="H92" s="322"/>
      <c r="I92" s="322"/>
    </row>
    <row r="93" spans="1:9">
      <c r="A93" s="21"/>
      <c r="B93" s="327"/>
      <c r="C93" s="328"/>
      <c r="D93" s="328"/>
      <c r="E93" s="322"/>
      <c r="F93" s="322"/>
      <c r="G93" s="322"/>
      <c r="H93" s="322"/>
      <c r="I93" s="322"/>
    </row>
    <row r="94" spans="1:9">
      <c r="A94" s="21">
        <v>5</v>
      </c>
      <c r="B94" s="27" t="s">
        <v>43</v>
      </c>
      <c r="C94" s="322"/>
      <c r="D94" s="322"/>
      <c r="E94" s="322"/>
      <c r="F94" s="322"/>
      <c r="G94" s="322"/>
      <c r="H94" s="322"/>
      <c r="I94" s="322"/>
    </row>
    <row r="95" spans="1:9">
      <c r="A95" s="21"/>
      <c r="B95" s="327" t="s">
        <v>63</v>
      </c>
      <c r="C95" s="328"/>
      <c r="D95" s="328"/>
      <c r="E95" s="322"/>
      <c r="F95" s="322"/>
      <c r="G95" s="322"/>
      <c r="H95" s="322"/>
      <c r="I95" s="322"/>
    </row>
    <row r="96" spans="1:9">
      <c r="A96" s="21"/>
      <c r="B96" s="321"/>
      <c r="C96" s="322"/>
      <c r="D96" s="322"/>
      <c r="E96" s="322"/>
      <c r="F96" s="322"/>
      <c r="G96" s="322"/>
      <c r="H96" s="322"/>
      <c r="I96" s="322"/>
    </row>
    <row r="97" spans="1:9">
      <c r="A97" s="21">
        <v>5</v>
      </c>
      <c r="B97" s="27" t="s">
        <v>502</v>
      </c>
      <c r="C97" s="322"/>
      <c r="D97" s="322"/>
      <c r="E97" s="322"/>
      <c r="F97" s="322"/>
      <c r="G97" s="322"/>
      <c r="H97" s="322"/>
      <c r="I97" s="322"/>
    </row>
    <row r="98" spans="1:9">
      <c r="A98" s="21"/>
      <c r="B98" s="327" t="s">
        <v>503</v>
      </c>
      <c r="C98" s="328"/>
      <c r="D98" s="328"/>
      <c r="E98" s="322"/>
      <c r="F98" s="322"/>
      <c r="G98" s="322"/>
      <c r="H98" s="322"/>
      <c r="I98" s="322"/>
    </row>
    <row r="99" spans="1:9">
      <c r="A99" s="21"/>
      <c r="B99" s="321"/>
      <c r="C99" s="322"/>
      <c r="D99" s="322"/>
      <c r="E99" s="322"/>
      <c r="F99" s="322"/>
      <c r="G99" s="322"/>
      <c r="H99" s="322"/>
      <c r="I99" s="322"/>
    </row>
    <row r="100" spans="1:9">
      <c r="A100" s="329" t="s">
        <v>44</v>
      </c>
      <c r="B100" s="329"/>
      <c r="C100" s="322"/>
      <c r="D100" s="322"/>
      <c r="E100" s="322"/>
      <c r="F100" s="322"/>
      <c r="G100" s="322"/>
      <c r="H100" s="322"/>
      <c r="I100" s="322"/>
    </row>
    <row r="101" spans="1:9">
      <c r="A101" s="21"/>
      <c r="B101" s="321"/>
      <c r="C101" s="322"/>
      <c r="D101" s="322"/>
      <c r="E101" s="322"/>
      <c r="F101" s="322"/>
      <c r="G101" s="322"/>
      <c r="H101" s="322"/>
      <c r="I101" s="322"/>
    </row>
    <row r="102" spans="1:9">
      <c r="A102" s="22">
        <v>6</v>
      </c>
      <c r="B102" s="229" t="s">
        <v>12</v>
      </c>
      <c r="C102" s="322"/>
      <c r="D102" s="322"/>
      <c r="E102" s="322"/>
      <c r="F102" s="322"/>
      <c r="G102" s="322"/>
      <c r="H102" s="322"/>
      <c r="I102" s="322"/>
    </row>
    <row r="103" spans="1:9">
      <c r="A103" s="21"/>
      <c r="B103" s="327" t="s">
        <v>24</v>
      </c>
      <c r="C103" s="328"/>
      <c r="D103" s="328"/>
      <c r="E103" s="322"/>
      <c r="F103" s="322"/>
      <c r="G103" s="322"/>
      <c r="H103" s="322"/>
      <c r="I103" s="322"/>
    </row>
    <row r="104" spans="1:9">
      <c r="A104" s="21"/>
      <c r="B104" s="327"/>
      <c r="C104" s="328"/>
      <c r="D104" s="328"/>
      <c r="E104" s="322"/>
      <c r="F104" s="322"/>
      <c r="G104" s="322"/>
      <c r="H104" s="322"/>
      <c r="I104" s="322"/>
    </row>
    <row r="105" spans="1:9">
      <c r="A105" s="21">
        <v>6</v>
      </c>
      <c r="B105" s="27" t="s">
        <v>45</v>
      </c>
      <c r="C105" s="322"/>
      <c r="D105" s="322"/>
      <c r="E105" s="322"/>
      <c r="F105" s="322"/>
      <c r="G105" s="322"/>
      <c r="H105" s="322"/>
      <c r="I105" s="322"/>
    </row>
    <row r="106" spans="1:9">
      <c r="A106" s="21"/>
      <c r="B106" s="321" t="s">
        <v>520</v>
      </c>
      <c r="C106" s="322"/>
      <c r="D106" s="322"/>
      <c r="E106" s="322"/>
      <c r="F106" s="322"/>
      <c r="G106" s="322"/>
      <c r="H106" s="322"/>
      <c r="I106" s="322"/>
    </row>
    <row r="107" spans="1:9">
      <c r="A107" s="21"/>
      <c r="B107" s="322"/>
      <c r="C107" s="322"/>
      <c r="D107" s="322"/>
      <c r="E107" s="322"/>
      <c r="F107" s="322"/>
      <c r="G107" s="322"/>
      <c r="H107" s="322"/>
      <c r="I107" s="322"/>
    </row>
    <row r="108" spans="1:9">
      <c r="A108" s="22">
        <v>6</v>
      </c>
      <c r="B108" s="27" t="s">
        <v>233</v>
      </c>
      <c r="C108" s="322"/>
      <c r="D108" s="322"/>
      <c r="E108" s="322"/>
      <c r="F108" s="322"/>
      <c r="G108" s="322"/>
      <c r="H108" s="322"/>
      <c r="I108" s="322"/>
    </row>
    <row r="109" spans="1:9">
      <c r="A109" s="21"/>
      <c r="B109" s="327" t="s">
        <v>25</v>
      </c>
      <c r="C109" s="328"/>
      <c r="D109" s="328"/>
      <c r="E109" s="322"/>
      <c r="F109" s="322"/>
      <c r="G109" s="322"/>
      <c r="H109" s="322"/>
      <c r="I109" s="322"/>
    </row>
    <row r="110" spans="1:9">
      <c r="A110" s="21"/>
      <c r="B110" s="327"/>
      <c r="C110" s="328"/>
      <c r="D110" s="328"/>
      <c r="E110" s="322"/>
      <c r="F110" s="322"/>
      <c r="G110" s="322"/>
      <c r="H110" s="322"/>
      <c r="I110" s="322"/>
    </row>
    <row r="111" spans="1:9">
      <c r="A111" s="21">
        <v>6</v>
      </c>
      <c r="B111" s="27" t="s">
        <v>46</v>
      </c>
      <c r="C111" s="322"/>
      <c r="D111" s="322"/>
      <c r="E111" s="322"/>
      <c r="F111" s="322"/>
      <c r="G111" s="322"/>
      <c r="H111" s="322"/>
      <c r="I111" s="322"/>
    </row>
    <row r="112" spans="1:9">
      <c r="A112" s="21"/>
      <c r="B112" s="321" t="s">
        <v>519</v>
      </c>
      <c r="C112" s="322"/>
      <c r="D112" s="322"/>
      <c r="E112" s="322"/>
      <c r="F112" s="322"/>
      <c r="G112" s="322"/>
      <c r="H112" s="322"/>
      <c r="I112" s="322"/>
    </row>
    <row r="113" spans="1:9">
      <c r="A113" s="21"/>
      <c r="B113" s="321"/>
      <c r="C113" s="322"/>
      <c r="D113" s="322"/>
      <c r="E113" s="322"/>
      <c r="F113" s="322"/>
      <c r="G113" s="322"/>
      <c r="H113" s="322"/>
      <c r="I113" s="322"/>
    </row>
    <row r="114" spans="1:9">
      <c r="A114" s="21">
        <v>6</v>
      </c>
      <c r="B114" s="27" t="s">
        <v>461</v>
      </c>
      <c r="C114" s="322"/>
      <c r="D114" s="322"/>
      <c r="E114" s="322"/>
      <c r="F114" s="322"/>
      <c r="G114" s="322"/>
      <c r="H114" s="322"/>
      <c r="I114" s="322"/>
    </row>
    <row r="115" spans="1:9">
      <c r="A115" s="21"/>
      <c r="B115" s="321" t="s">
        <v>505</v>
      </c>
      <c r="C115" s="322"/>
      <c r="D115" s="322"/>
      <c r="E115" s="322"/>
      <c r="F115" s="322"/>
      <c r="G115" s="322"/>
      <c r="H115" s="322"/>
      <c r="I115" s="322"/>
    </row>
    <row r="116" spans="1:9">
      <c r="A116" s="21"/>
      <c r="B116" s="321"/>
      <c r="C116" s="322"/>
      <c r="D116" s="322"/>
      <c r="E116" s="322"/>
      <c r="F116" s="322"/>
      <c r="G116" s="322"/>
      <c r="H116" s="322"/>
      <c r="I116" s="322"/>
    </row>
    <row r="117" spans="1:9">
      <c r="A117" s="21">
        <v>6</v>
      </c>
      <c r="B117" s="23" t="s">
        <v>30</v>
      </c>
      <c r="C117" s="322"/>
      <c r="D117" s="322"/>
      <c r="E117" s="322"/>
      <c r="F117" s="322"/>
      <c r="G117" s="322"/>
      <c r="H117" s="322"/>
      <c r="I117" s="322"/>
    </row>
    <row r="118" spans="1:9">
      <c r="A118" s="22"/>
      <c r="B118" s="322" t="s">
        <v>64</v>
      </c>
      <c r="C118" s="322"/>
      <c r="D118" s="322"/>
      <c r="E118" s="322"/>
      <c r="F118" s="322"/>
      <c r="G118" s="322"/>
      <c r="H118" s="322"/>
      <c r="I118" s="322"/>
    </row>
    <row r="119" spans="1:9">
      <c r="A119" s="21"/>
      <c r="B119" s="327"/>
      <c r="C119" s="328"/>
      <c r="D119" s="328"/>
      <c r="E119" s="322"/>
      <c r="F119" s="322"/>
      <c r="G119" s="322"/>
      <c r="H119" s="322"/>
      <c r="I119" s="322"/>
    </row>
    <row r="120" spans="1:9">
      <c r="A120" s="21">
        <v>6</v>
      </c>
      <c r="B120" s="27" t="s">
        <v>13</v>
      </c>
      <c r="C120" s="322"/>
      <c r="D120" s="322"/>
      <c r="E120" s="322"/>
      <c r="F120" s="322"/>
      <c r="G120" s="322"/>
      <c r="H120" s="322"/>
      <c r="I120" s="322"/>
    </row>
    <row r="121" spans="1:9">
      <c r="A121" s="28"/>
      <c r="B121" s="327" t="s">
        <v>14</v>
      </c>
      <c r="C121" s="328"/>
      <c r="D121" s="328"/>
      <c r="E121" s="322"/>
      <c r="F121" s="322"/>
      <c r="G121" s="322"/>
      <c r="H121" s="322"/>
      <c r="I121" s="322"/>
    </row>
    <row r="122" spans="1:9">
      <c r="A122" s="28"/>
      <c r="B122" s="321"/>
      <c r="C122" s="322"/>
      <c r="D122" s="322"/>
      <c r="E122" s="322"/>
      <c r="F122" s="322"/>
      <c r="G122" s="322"/>
      <c r="H122" s="322"/>
      <c r="I122" s="322"/>
    </row>
    <row r="123" spans="1:9">
      <c r="A123" s="21">
        <v>6</v>
      </c>
      <c r="B123" s="27" t="s">
        <v>399</v>
      </c>
      <c r="C123" s="322"/>
      <c r="D123" s="322"/>
      <c r="E123" s="322"/>
      <c r="F123" s="322"/>
      <c r="G123" s="322"/>
      <c r="H123" s="322"/>
      <c r="I123" s="322"/>
    </row>
    <row r="124" spans="1:9">
      <c r="A124" s="28"/>
      <c r="B124" s="327" t="s">
        <v>504</v>
      </c>
      <c r="C124" s="328"/>
      <c r="D124" s="328"/>
      <c r="E124" s="322"/>
      <c r="F124" s="322"/>
      <c r="G124" s="322"/>
      <c r="H124" s="322"/>
      <c r="I124" s="322"/>
    </row>
    <row r="125" spans="1:9">
      <c r="A125" s="28"/>
      <c r="B125" s="321"/>
      <c r="C125" s="322"/>
      <c r="D125" s="322"/>
      <c r="E125" s="322"/>
      <c r="F125" s="322"/>
      <c r="G125" s="322"/>
      <c r="H125" s="322"/>
      <c r="I125" s="322"/>
    </row>
    <row r="126" spans="1:9">
      <c r="A126" s="329" t="s">
        <v>47</v>
      </c>
      <c r="B126" s="329"/>
      <c r="C126" s="322"/>
      <c r="D126" s="322"/>
      <c r="E126" s="322"/>
      <c r="F126" s="322"/>
      <c r="G126" s="322"/>
      <c r="H126" s="322"/>
      <c r="I126" s="322"/>
    </row>
    <row r="127" spans="1:9">
      <c r="A127" s="28"/>
      <c r="B127" s="27"/>
      <c r="C127" s="322"/>
      <c r="D127" s="322"/>
      <c r="E127" s="322"/>
      <c r="F127" s="322"/>
      <c r="G127" s="322"/>
      <c r="H127" s="322"/>
      <c r="I127" s="322"/>
    </row>
    <row r="128" spans="1:9">
      <c r="A128" s="22">
        <v>7</v>
      </c>
      <c r="B128" s="229" t="s">
        <v>236</v>
      </c>
      <c r="C128" s="322"/>
      <c r="D128" s="322"/>
      <c r="E128" s="322"/>
      <c r="F128" s="322"/>
      <c r="G128" s="322"/>
      <c r="H128" s="322"/>
      <c r="I128" s="322"/>
    </row>
    <row r="129" spans="1:9">
      <c r="A129" s="28"/>
      <c r="B129" s="327" t="s">
        <v>339</v>
      </c>
      <c r="C129" s="328"/>
      <c r="D129" s="328"/>
      <c r="E129" s="322"/>
      <c r="F129" s="322"/>
      <c r="G129" s="322"/>
      <c r="H129" s="322"/>
      <c r="I129" s="322"/>
    </row>
    <row r="130" spans="1:9">
      <c r="A130" s="28"/>
      <c r="B130" s="327"/>
      <c r="C130" s="328"/>
      <c r="D130" s="328"/>
      <c r="E130" s="322"/>
      <c r="F130" s="322"/>
      <c r="G130" s="322"/>
      <c r="H130" s="322"/>
      <c r="I130" s="322"/>
    </row>
    <row r="131" spans="1:9">
      <c r="A131" s="22">
        <v>7</v>
      </c>
      <c r="B131" s="27" t="s">
        <v>506</v>
      </c>
      <c r="C131" s="322"/>
      <c r="D131" s="322"/>
      <c r="E131" s="322"/>
      <c r="F131" s="322"/>
      <c r="G131" s="322"/>
      <c r="H131" s="322"/>
      <c r="I131" s="322"/>
    </row>
    <row r="132" spans="1:9">
      <c r="A132" s="28"/>
      <c r="B132" s="327" t="s">
        <v>507</v>
      </c>
      <c r="C132" s="328"/>
      <c r="D132" s="328"/>
      <c r="E132" s="322"/>
      <c r="F132" s="322"/>
      <c r="G132" s="322"/>
      <c r="H132" s="322"/>
      <c r="I132" s="322"/>
    </row>
    <row r="133" spans="1:9">
      <c r="A133" s="28"/>
      <c r="B133" s="327"/>
      <c r="C133" s="328"/>
      <c r="D133" s="328"/>
      <c r="E133" s="322"/>
      <c r="F133" s="322"/>
      <c r="G133" s="322"/>
      <c r="H133" s="322"/>
      <c r="I133" s="322"/>
    </row>
    <row r="134" spans="1:9">
      <c r="A134" s="22">
        <v>7</v>
      </c>
      <c r="B134" s="27" t="s">
        <v>48</v>
      </c>
      <c r="C134" s="322"/>
      <c r="D134" s="322"/>
      <c r="E134" s="322"/>
      <c r="F134" s="322"/>
      <c r="G134" s="322"/>
      <c r="H134" s="322"/>
      <c r="I134" s="322"/>
    </row>
    <row r="135" spans="1:9">
      <c r="A135" s="28"/>
      <c r="B135" s="321" t="s">
        <v>65</v>
      </c>
      <c r="C135" s="322"/>
      <c r="D135" s="322"/>
      <c r="E135" s="322"/>
      <c r="F135" s="322"/>
      <c r="G135" s="322"/>
      <c r="H135" s="322"/>
      <c r="I135" s="322"/>
    </row>
    <row r="136" spans="1:9">
      <c r="A136" s="28"/>
      <c r="B136" s="321"/>
      <c r="C136" s="322"/>
      <c r="D136" s="322"/>
      <c r="E136" s="322"/>
      <c r="F136" s="322"/>
      <c r="G136" s="322"/>
      <c r="H136" s="322"/>
      <c r="I136" s="322"/>
    </row>
    <row r="137" spans="1:9">
      <c r="A137" s="22">
        <v>7</v>
      </c>
      <c r="B137" s="27" t="s">
        <v>508</v>
      </c>
      <c r="C137" s="322"/>
      <c r="D137" s="322"/>
      <c r="E137" s="322"/>
      <c r="F137" s="322"/>
      <c r="G137" s="322"/>
      <c r="H137" s="322"/>
      <c r="I137" s="322"/>
    </row>
    <row r="138" spans="1:9">
      <c r="A138" s="28"/>
      <c r="B138" s="327" t="s">
        <v>509</v>
      </c>
      <c r="C138" s="328"/>
      <c r="D138" s="328"/>
      <c r="E138" s="322"/>
      <c r="F138" s="322"/>
      <c r="G138" s="322"/>
      <c r="H138" s="322"/>
      <c r="I138" s="322"/>
    </row>
    <row r="139" spans="1:9">
      <c r="A139" s="28"/>
      <c r="B139" s="321"/>
      <c r="C139" s="322"/>
      <c r="D139" s="322"/>
      <c r="E139" s="322"/>
      <c r="F139" s="322"/>
      <c r="G139" s="322"/>
      <c r="H139" s="322"/>
      <c r="I139" s="322"/>
    </row>
    <row r="140" spans="1:9">
      <c r="A140" s="22">
        <v>7</v>
      </c>
      <c r="B140" s="27" t="s">
        <v>416</v>
      </c>
      <c r="C140" s="322"/>
      <c r="D140" s="322"/>
      <c r="E140" s="322"/>
      <c r="F140" s="322"/>
      <c r="G140" s="322"/>
      <c r="H140" s="322"/>
      <c r="I140" s="322"/>
    </row>
    <row r="141" spans="1:9">
      <c r="A141" s="28"/>
      <c r="B141" s="321" t="s">
        <v>66</v>
      </c>
      <c r="C141" s="322"/>
      <c r="D141" s="322"/>
      <c r="E141" s="322"/>
      <c r="F141" s="322"/>
      <c r="G141" s="322"/>
      <c r="H141" s="322"/>
      <c r="I141" s="322"/>
    </row>
    <row r="142" spans="1:9">
      <c r="A142" s="22"/>
      <c r="B142" s="321"/>
      <c r="C142" s="322"/>
      <c r="D142" s="322"/>
      <c r="E142" s="322"/>
      <c r="F142" s="322"/>
      <c r="G142" s="322"/>
      <c r="H142" s="322"/>
      <c r="I142" s="322"/>
    </row>
    <row r="143" spans="1:9">
      <c r="A143" s="22">
        <v>7</v>
      </c>
      <c r="B143" s="27" t="s">
        <v>510</v>
      </c>
      <c r="C143" s="322"/>
      <c r="D143" s="322"/>
      <c r="E143" s="322"/>
      <c r="F143" s="322"/>
      <c r="G143" s="322"/>
      <c r="H143" s="322"/>
      <c r="I143" s="322"/>
    </row>
    <row r="144" spans="1:9">
      <c r="A144" s="28"/>
      <c r="B144" s="327" t="s">
        <v>511</v>
      </c>
      <c r="C144" s="328"/>
      <c r="D144" s="328"/>
      <c r="E144" s="322"/>
      <c r="F144" s="322"/>
      <c r="G144" s="322"/>
      <c r="H144" s="322"/>
      <c r="I144" s="322"/>
    </row>
    <row r="145" spans="1:9">
      <c r="A145" s="22"/>
      <c r="B145" s="321"/>
      <c r="C145" s="322"/>
      <c r="D145" s="322"/>
      <c r="E145" s="322"/>
      <c r="F145" s="322"/>
      <c r="G145" s="322"/>
      <c r="H145" s="322"/>
      <c r="I145" s="322"/>
    </row>
    <row r="146" spans="1:9">
      <c r="A146" s="22">
        <v>7</v>
      </c>
      <c r="B146" s="27" t="s">
        <v>238</v>
      </c>
      <c r="C146" s="322"/>
      <c r="D146" s="322"/>
      <c r="E146" s="322"/>
      <c r="F146" s="322"/>
      <c r="G146" s="322"/>
      <c r="H146" s="322"/>
      <c r="I146" s="322"/>
    </row>
    <row r="147" spans="1:9">
      <c r="A147" s="22"/>
      <c r="B147" s="321" t="s">
        <v>340</v>
      </c>
      <c r="C147" s="322"/>
      <c r="D147" s="322"/>
      <c r="E147" s="322"/>
      <c r="F147" s="322"/>
      <c r="G147" s="322"/>
      <c r="H147" s="322"/>
      <c r="I147" s="322"/>
    </row>
    <row r="148" spans="1:9">
      <c r="A148" s="22"/>
      <c r="B148" s="321"/>
      <c r="C148" s="322"/>
      <c r="D148" s="322"/>
      <c r="E148" s="322"/>
      <c r="F148" s="322"/>
      <c r="G148" s="322"/>
      <c r="H148" s="322"/>
      <c r="I148" s="322"/>
    </row>
    <row r="149" spans="1:9">
      <c r="A149" s="22">
        <v>7</v>
      </c>
      <c r="B149" s="27" t="s">
        <v>422</v>
      </c>
      <c r="C149" s="322"/>
      <c r="D149" s="322"/>
      <c r="E149" s="322"/>
      <c r="F149" s="322"/>
      <c r="G149" s="322"/>
      <c r="H149" s="322"/>
      <c r="I149" s="322"/>
    </row>
    <row r="150" spans="1:9">
      <c r="A150" s="28"/>
      <c r="B150" s="327" t="s">
        <v>512</v>
      </c>
      <c r="C150" s="328"/>
      <c r="D150" s="328"/>
      <c r="E150" s="322"/>
      <c r="F150" s="322"/>
      <c r="G150" s="322"/>
      <c r="H150" s="322"/>
      <c r="I150" s="322"/>
    </row>
    <row r="151" spans="1:9">
      <c r="A151" s="22"/>
      <c r="B151" s="321"/>
      <c r="C151" s="322"/>
      <c r="D151" s="322"/>
      <c r="E151" s="322"/>
      <c r="F151" s="322"/>
      <c r="G151" s="322"/>
      <c r="H151" s="322"/>
      <c r="I151" s="322"/>
    </row>
    <row r="152" spans="1:9">
      <c r="A152" s="22">
        <v>7</v>
      </c>
      <c r="B152" s="27" t="s">
        <v>425</v>
      </c>
      <c r="C152" s="322"/>
      <c r="D152" s="322"/>
      <c r="E152" s="322"/>
      <c r="F152" s="322"/>
      <c r="G152" s="322"/>
      <c r="H152" s="322"/>
      <c r="I152" s="322"/>
    </row>
    <row r="153" spans="1:9">
      <c r="A153" s="28"/>
      <c r="B153" s="321" t="s">
        <v>521</v>
      </c>
      <c r="C153" s="322"/>
      <c r="D153" s="322"/>
      <c r="E153" s="322"/>
      <c r="F153" s="322"/>
      <c r="G153" s="322"/>
      <c r="H153" s="322"/>
      <c r="I153" s="322"/>
    </row>
    <row r="154" spans="1:9">
      <c r="A154" s="28"/>
      <c r="B154" s="321"/>
      <c r="C154" s="322"/>
      <c r="D154" s="322"/>
      <c r="E154" s="322"/>
      <c r="F154" s="322"/>
      <c r="G154" s="322"/>
      <c r="H154" s="322"/>
      <c r="I154" s="322"/>
    </row>
    <row r="155" spans="1:9">
      <c r="A155" s="22">
        <v>7</v>
      </c>
      <c r="B155" s="27" t="s">
        <v>15</v>
      </c>
      <c r="C155" s="322"/>
      <c r="D155" s="322"/>
      <c r="E155" s="322"/>
      <c r="F155" s="322"/>
      <c r="G155" s="322"/>
      <c r="H155" s="322"/>
      <c r="I155" s="322"/>
    </row>
    <row r="156" spans="1:9">
      <c r="A156" s="28"/>
      <c r="B156" s="327" t="s">
        <v>26</v>
      </c>
      <c r="C156" s="328"/>
      <c r="D156" s="328"/>
      <c r="E156" s="322"/>
      <c r="F156" s="322"/>
      <c r="G156" s="322"/>
      <c r="H156" s="322"/>
      <c r="I156" s="322"/>
    </row>
    <row r="157" spans="1:9">
      <c r="A157" s="22"/>
      <c r="B157" s="321"/>
      <c r="C157" s="322"/>
      <c r="D157" s="322"/>
      <c r="E157" s="322"/>
      <c r="F157" s="322"/>
      <c r="G157" s="322"/>
      <c r="H157" s="322"/>
      <c r="I157" s="322"/>
    </row>
    <row r="158" spans="1:9">
      <c r="A158" s="22">
        <v>7</v>
      </c>
      <c r="B158" s="27" t="s">
        <v>67</v>
      </c>
      <c r="C158" s="322"/>
      <c r="D158" s="322"/>
      <c r="E158" s="322"/>
      <c r="F158" s="322"/>
      <c r="G158" s="322"/>
      <c r="H158" s="322"/>
      <c r="I158" s="322"/>
    </row>
    <row r="159" spans="1:9">
      <c r="A159" s="28"/>
      <c r="B159" s="321" t="s">
        <v>522</v>
      </c>
      <c r="C159" s="322"/>
      <c r="D159" s="322"/>
      <c r="E159" s="322"/>
      <c r="F159" s="322"/>
      <c r="G159" s="322"/>
      <c r="H159" s="322"/>
      <c r="I159" s="322"/>
    </row>
    <row r="160" spans="1:9">
      <c r="A160" s="28"/>
      <c r="B160" s="321"/>
      <c r="C160" s="322"/>
      <c r="D160" s="322"/>
      <c r="E160" s="322"/>
      <c r="F160" s="322"/>
      <c r="G160" s="322"/>
      <c r="H160" s="322"/>
      <c r="I160" s="322"/>
    </row>
    <row r="161" spans="1:9">
      <c r="A161" s="22">
        <v>7</v>
      </c>
      <c r="B161" s="248" t="s">
        <v>49</v>
      </c>
      <c r="C161" s="22"/>
      <c r="D161" s="22"/>
      <c r="E161" s="322"/>
      <c r="F161" s="322"/>
      <c r="G161" s="322"/>
      <c r="H161" s="322"/>
      <c r="I161" s="322"/>
    </row>
    <row r="162" spans="1:9">
      <c r="A162" s="22"/>
      <c r="B162" s="22" t="s">
        <v>27</v>
      </c>
      <c r="C162" s="22"/>
      <c r="D162" s="22"/>
      <c r="E162" s="322"/>
      <c r="F162" s="322"/>
      <c r="G162" s="322"/>
      <c r="H162" s="322"/>
      <c r="I162" s="322"/>
    </row>
    <row r="163" spans="1:9">
      <c r="A163" s="22"/>
      <c r="B163" s="22"/>
      <c r="C163" s="22"/>
      <c r="D163" s="22"/>
      <c r="E163" s="322"/>
      <c r="F163" s="322"/>
      <c r="G163" s="322"/>
      <c r="H163" s="322"/>
      <c r="I163" s="322"/>
    </row>
    <row r="164" spans="1:9">
      <c r="A164" s="22">
        <v>7</v>
      </c>
      <c r="B164" s="248" t="s">
        <v>50</v>
      </c>
      <c r="C164" s="22"/>
      <c r="D164" s="22"/>
      <c r="E164" s="322"/>
      <c r="F164" s="322"/>
      <c r="G164" s="322"/>
      <c r="H164" s="322"/>
      <c r="I164" s="322"/>
    </row>
    <row r="165" spans="1:9">
      <c r="A165" s="22"/>
      <c r="B165" s="22" t="s">
        <v>523</v>
      </c>
      <c r="C165" s="22"/>
      <c r="D165" s="22"/>
      <c r="E165" s="322"/>
      <c r="F165" s="322"/>
      <c r="G165" s="322"/>
      <c r="H165" s="322"/>
      <c r="I165" s="322"/>
    </row>
    <row r="166" spans="1:9">
      <c r="A166" s="28"/>
      <c r="B166" s="321"/>
      <c r="C166" s="322"/>
      <c r="D166" s="322"/>
      <c r="E166" s="322"/>
      <c r="F166" s="322"/>
      <c r="G166" s="322"/>
      <c r="H166" s="322"/>
      <c r="I166" s="322"/>
    </row>
    <row r="167" spans="1:9">
      <c r="A167" s="22">
        <v>7</v>
      </c>
      <c r="B167" s="248" t="s">
        <v>16</v>
      </c>
      <c r="C167" s="322"/>
      <c r="D167" s="322"/>
      <c r="E167" s="322"/>
      <c r="F167" s="322"/>
      <c r="G167" s="322"/>
      <c r="H167" s="322"/>
      <c r="I167" s="322"/>
    </row>
    <row r="168" spans="1:9">
      <c r="A168" s="28"/>
      <c r="B168" s="327" t="s">
        <v>28</v>
      </c>
      <c r="C168" s="328"/>
      <c r="D168" s="328"/>
      <c r="E168" s="322"/>
      <c r="F168" s="322"/>
      <c r="G168" s="322"/>
      <c r="H168" s="322"/>
      <c r="I168" s="322"/>
    </row>
    <row r="169" spans="1:9">
      <c r="A169" s="28"/>
      <c r="B169" s="321"/>
      <c r="C169" s="322"/>
      <c r="D169" s="322"/>
      <c r="E169" s="322"/>
      <c r="F169" s="322"/>
      <c r="G169" s="322"/>
      <c r="H169" s="322"/>
      <c r="I169" s="322"/>
    </row>
    <row r="170" spans="1:9">
      <c r="A170" s="22">
        <v>7</v>
      </c>
      <c r="B170" s="27" t="s">
        <v>51</v>
      </c>
      <c r="C170" s="322"/>
      <c r="D170" s="322"/>
      <c r="E170" s="322"/>
      <c r="F170" s="322"/>
      <c r="G170" s="322"/>
      <c r="H170" s="322"/>
      <c r="I170" s="322"/>
    </row>
    <row r="171" spans="1:9">
      <c r="A171" s="28"/>
      <c r="B171" s="22" t="s">
        <v>524</v>
      </c>
      <c r="C171" s="322"/>
      <c r="D171" s="322"/>
      <c r="E171" s="322"/>
      <c r="F171" s="322"/>
      <c r="G171" s="322"/>
      <c r="H171" s="322"/>
      <c r="I171" s="322"/>
    </row>
    <row r="172" spans="1:9">
      <c r="A172" s="28"/>
      <c r="B172" s="321"/>
      <c r="C172" s="322"/>
      <c r="D172" s="322"/>
      <c r="E172" s="322"/>
      <c r="F172" s="322"/>
      <c r="G172" s="322"/>
      <c r="H172" s="322"/>
      <c r="I172" s="322"/>
    </row>
    <row r="173" spans="1:9">
      <c r="A173" s="329" t="s">
        <v>52</v>
      </c>
      <c r="B173" s="329"/>
      <c r="C173" s="321"/>
      <c r="D173" s="321"/>
      <c r="E173" s="322"/>
      <c r="F173" s="322"/>
      <c r="G173" s="322"/>
      <c r="H173" s="322"/>
      <c r="I173" s="322"/>
    </row>
    <row r="174" spans="1:9">
      <c r="A174" s="28"/>
      <c r="B174" s="27"/>
      <c r="C174" s="322"/>
      <c r="D174" s="322"/>
      <c r="E174" s="322"/>
      <c r="F174" s="322"/>
      <c r="G174" s="322"/>
      <c r="H174" s="322"/>
      <c r="I174" s="322"/>
    </row>
    <row r="175" spans="1:9">
      <c r="A175" s="22">
        <v>8</v>
      </c>
      <c r="B175" s="229" t="s">
        <v>17</v>
      </c>
      <c r="C175" s="322"/>
      <c r="D175" s="322"/>
      <c r="E175" s="322"/>
      <c r="F175" s="322"/>
      <c r="G175" s="322"/>
      <c r="H175" s="322"/>
      <c r="I175" s="322"/>
    </row>
    <row r="176" spans="1:9">
      <c r="A176" s="28"/>
      <c r="B176" s="327" t="s">
        <v>29</v>
      </c>
      <c r="C176" s="328"/>
      <c r="D176" s="328"/>
      <c r="E176" s="322"/>
      <c r="F176" s="322"/>
      <c r="G176" s="322"/>
      <c r="H176" s="322"/>
      <c r="I176" s="322"/>
    </row>
    <row r="177" spans="1:9">
      <c r="A177" s="28"/>
      <c r="B177" s="327"/>
      <c r="C177" s="328"/>
      <c r="D177" s="328"/>
      <c r="E177" s="322"/>
      <c r="F177" s="322"/>
      <c r="G177" s="322"/>
      <c r="H177" s="322"/>
      <c r="I177" s="322"/>
    </row>
    <row r="178" spans="1:9">
      <c r="A178" s="21">
        <v>8</v>
      </c>
      <c r="B178" s="23" t="s">
        <v>53</v>
      </c>
      <c r="C178" s="322"/>
      <c r="D178" s="322"/>
      <c r="E178" s="322"/>
      <c r="F178" s="322"/>
      <c r="G178" s="322"/>
      <c r="H178" s="322"/>
      <c r="I178" s="322"/>
    </row>
    <row r="179" spans="1:9">
      <c r="A179" s="21"/>
      <c r="B179" s="22" t="s">
        <v>525</v>
      </c>
      <c r="C179" s="322"/>
      <c r="D179" s="322"/>
      <c r="E179" s="322"/>
      <c r="F179" s="322"/>
      <c r="G179" s="322"/>
      <c r="H179" s="322"/>
      <c r="I179" s="322"/>
    </row>
    <row r="180" spans="1:9">
      <c r="A180" s="21"/>
      <c r="B180" s="322"/>
      <c r="C180" s="322"/>
      <c r="D180" s="322"/>
      <c r="E180" s="322"/>
      <c r="F180" s="322"/>
      <c r="G180" s="322"/>
      <c r="H180" s="322"/>
      <c r="I180" s="322"/>
    </row>
    <row r="181" spans="1:9">
      <c r="A181" s="21"/>
      <c r="B181" s="322"/>
      <c r="C181" s="322"/>
      <c r="D181" s="322"/>
      <c r="E181" s="322"/>
      <c r="F181" s="322"/>
      <c r="G181" s="322"/>
      <c r="H181" s="322"/>
      <c r="I181" s="322"/>
    </row>
  </sheetData>
  <mergeCells count="47">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68:C68"/>
    <mergeCell ref="B109:D109"/>
    <mergeCell ref="B110:D110"/>
    <mergeCell ref="B86:D86"/>
    <mergeCell ref="B69:E69"/>
    <mergeCell ref="B119:D119"/>
    <mergeCell ref="B78:D78"/>
    <mergeCell ref="B93:D93"/>
    <mergeCell ref="B72:E72"/>
    <mergeCell ref="B104:D104"/>
    <mergeCell ref="B92:D92"/>
    <mergeCell ref="B103:D103"/>
    <mergeCell ref="B73:E73"/>
    <mergeCell ref="B95:D95"/>
    <mergeCell ref="B81:D81"/>
    <mergeCell ref="B98:D98"/>
    <mergeCell ref="A83:B83"/>
    <mergeCell ref="A100:B100"/>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52.140625" style="1" customWidth="1"/>
    <col min="2" max="4" width="20.28515625" style="1" customWidth="1"/>
    <col min="5" max="6" width="20.28515625" style="5" customWidth="1"/>
    <col min="7" max="16384" width="20.28515625" style="1"/>
  </cols>
  <sheetData>
    <row r="1" spans="1:8" ht="31.5">
      <c r="A1" s="30" t="s">
        <v>59</v>
      </c>
    </row>
    <row r="3" spans="1:8" ht="18.75">
      <c r="A3" s="336" t="s">
        <v>68</v>
      </c>
      <c r="B3" s="336"/>
      <c r="C3" s="336"/>
      <c r="D3" s="336"/>
      <c r="E3" s="336"/>
      <c r="F3" s="336"/>
      <c r="G3" s="336"/>
      <c r="H3" s="336"/>
    </row>
    <row r="4" spans="1:8" ht="43.5" customHeight="1">
      <c r="A4" s="345" t="s">
        <v>69</v>
      </c>
      <c r="B4" s="345"/>
      <c r="C4" s="345"/>
      <c r="D4" s="345"/>
      <c r="E4" s="345"/>
      <c r="F4" s="345"/>
      <c r="G4" s="345"/>
      <c r="H4" s="345"/>
    </row>
    <row r="5" spans="1:8" ht="40.5" customHeight="1">
      <c r="A5" s="351" t="s">
        <v>70</v>
      </c>
      <c r="B5" s="352"/>
      <c r="C5" s="352"/>
      <c r="D5" s="352"/>
      <c r="E5" s="352"/>
      <c r="F5" s="352"/>
      <c r="G5" s="352"/>
      <c r="H5" s="352"/>
    </row>
    <row r="6" spans="1:8" ht="45" customHeight="1">
      <c r="A6" s="32" t="s">
        <v>71</v>
      </c>
      <c r="B6" s="33" t="s">
        <v>72</v>
      </c>
      <c r="C6" s="34" t="s">
        <v>588</v>
      </c>
      <c r="D6" s="35" t="s">
        <v>73</v>
      </c>
      <c r="E6" s="33" t="s">
        <v>330</v>
      </c>
      <c r="F6" s="35" t="s">
        <v>334</v>
      </c>
      <c r="G6" s="34" t="s">
        <v>332</v>
      </c>
      <c r="H6" s="35" t="s">
        <v>335</v>
      </c>
    </row>
    <row r="7" spans="1:8" ht="60">
      <c r="A7" s="36"/>
      <c r="B7" s="37" t="s">
        <v>74</v>
      </c>
      <c r="C7" s="38" t="s">
        <v>75</v>
      </c>
      <c r="D7" s="39" t="s">
        <v>76</v>
      </c>
      <c r="E7" s="37" t="s">
        <v>331</v>
      </c>
      <c r="F7" s="86" t="s">
        <v>88</v>
      </c>
      <c r="G7" s="123" t="s">
        <v>333</v>
      </c>
      <c r="H7" s="86" t="s">
        <v>88</v>
      </c>
    </row>
    <row r="8" spans="1:8">
      <c r="A8" s="40" t="s">
        <v>349</v>
      </c>
      <c r="B8" s="41">
        <v>13603</v>
      </c>
      <c r="C8" s="42">
        <v>69.414645476983182</v>
      </c>
      <c r="D8" s="43">
        <v>0.35037310145591</v>
      </c>
      <c r="E8" s="269">
        <v>0.25018988080187143</v>
      </c>
      <c r="F8" s="262">
        <v>7.4268009015894436E-3</v>
      </c>
      <c r="G8" s="269">
        <v>0.35384439625459785</v>
      </c>
      <c r="H8" s="262">
        <v>8.1985197592878839E-3</v>
      </c>
    </row>
    <row r="9" spans="1:8">
      <c r="A9" s="44" t="s">
        <v>350</v>
      </c>
      <c r="B9" s="45">
        <v>10078</v>
      </c>
      <c r="C9" s="46">
        <v>70.952475882326496</v>
      </c>
      <c r="D9" s="47">
        <v>0.39666146567503169</v>
      </c>
      <c r="E9" s="270">
        <v>0.2186499859839999</v>
      </c>
      <c r="F9" s="263">
        <v>8.2344385554779347E-3</v>
      </c>
      <c r="G9" s="270">
        <v>0.38470680343691377</v>
      </c>
      <c r="H9" s="263">
        <v>9.6910829926267501E-3</v>
      </c>
    </row>
    <row r="10" spans="1:8" s="5" customFormat="1">
      <c r="A10" s="40" t="s">
        <v>351</v>
      </c>
      <c r="B10" s="41">
        <v>3525</v>
      </c>
      <c r="C10" s="42">
        <v>68.111747174470864</v>
      </c>
      <c r="D10" s="43">
        <v>0.72343117209105501</v>
      </c>
      <c r="E10" s="269">
        <v>0.27691147199739036</v>
      </c>
      <c r="F10" s="262">
        <v>1.5069284269508867E-2</v>
      </c>
      <c r="G10" s="269">
        <v>0.32769679389896594</v>
      </c>
      <c r="H10" s="262">
        <v>1.5804804968703009E-2</v>
      </c>
    </row>
    <row r="11" spans="1:8" s="5" customFormat="1">
      <c r="A11" s="44" t="s">
        <v>533</v>
      </c>
      <c r="B11" s="45">
        <v>3141</v>
      </c>
      <c r="C11" s="46">
        <v>70.774777827816706</v>
      </c>
      <c r="D11" s="47">
        <v>0.70582371094997443</v>
      </c>
      <c r="E11" s="270">
        <v>0.24255392154590816</v>
      </c>
      <c r="F11" s="263">
        <v>1.5293212783908711E-2</v>
      </c>
      <c r="G11" s="270">
        <v>0.39224185323540361</v>
      </c>
      <c r="H11" s="263">
        <v>1.7413614184541768E-2</v>
      </c>
    </row>
    <row r="12" spans="1:8" s="5" customFormat="1">
      <c r="A12" s="40" t="s">
        <v>534</v>
      </c>
      <c r="B12" s="41">
        <v>2497</v>
      </c>
      <c r="C12" s="42">
        <v>73.346852051648057</v>
      </c>
      <c r="D12" s="43">
        <v>0.7720041212209473</v>
      </c>
      <c r="E12" s="269">
        <v>0.18009809972017909</v>
      </c>
      <c r="F12" s="262">
        <v>1.5384703485292653E-2</v>
      </c>
      <c r="G12" s="269">
        <v>0.44424433759018195</v>
      </c>
      <c r="H12" s="262">
        <v>1.9871689248450536E-2</v>
      </c>
    </row>
    <row r="13" spans="1:8" s="5" customFormat="1">
      <c r="A13" s="44" t="s">
        <v>535</v>
      </c>
      <c r="B13" s="45">
        <v>485</v>
      </c>
      <c r="C13" s="46">
        <v>74.71746261717665</v>
      </c>
      <c r="D13" s="47">
        <v>1.7415344295052766</v>
      </c>
      <c r="E13" s="270">
        <v>0.17258614256894395</v>
      </c>
      <c r="F13" s="263">
        <v>3.4385850225330125E-2</v>
      </c>
      <c r="G13" s="270">
        <v>0.45828778995302571</v>
      </c>
      <c r="H13" s="263">
        <v>4.5066498457434628E-2</v>
      </c>
    </row>
    <row r="14" spans="1:8" s="5" customFormat="1">
      <c r="A14" s="40" t="s">
        <v>536</v>
      </c>
      <c r="B14" s="41">
        <v>88</v>
      </c>
      <c r="C14" s="42">
        <v>74.968163853753182</v>
      </c>
      <c r="D14" s="43">
        <v>4.1139793653220735</v>
      </c>
      <c r="E14" s="269">
        <v>9.9161846022823574E-2</v>
      </c>
      <c r="F14" s="262">
        <v>6.6918658904625811E-2</v>
      </c>
      <c r="G14" s="269">
        <v>0.35192283268654734</v>
      </c>
      <c r="H14" s="262">
        <v>9.9986604601248724E-2</v>
      </c>
    </row>
    <row r="15" spans="1:8" s="5" customFormat="1">
      <c r="A15" s="44" t="s">
        <v>537</v>
      </c>
      <c r="B15" s="45">
        <v>137</v>
      </c>
      <c r="C15" s="46">
        <v>74.005841798360876</v>
      </c>
      <c r="D15" s="47">
        <v>3.5564454484160466</v>
      </c>
      <c r="E15" s="270">
        <v>0.23704771736848959</v>
      </c>
      <c r="F15" s="263">
        <v>7.2390491355614581E-2</v>
      </c>
      <c r="G15" s="270">
        <v>0.52696306295710782</v>
      </c>
      <c r="H15" s="263">
        <v>8.4099511599937726E-2</v>
      </c>
    </row>
    <row r="16" spans="1:8" s="5" customFormat="1">
      <c r="A16" s="40" t="s">
        <v>538</v>
      </c>
      <c r="B16" s="41">
        <v>108</v>
      </c>
      <c r="C16" s="42">
        <v>74.03299143510705</v>
      </c>
      <c r="D16" s="43">
        <v>3.5126071686774258</v>
      </c>
      <c r="E16" s="269">
        <v>0.19165244073186044</v>
      </c>
      <c r="F16" s="262">
        <v>7.5967993893389013E-2</v>
      </c>
      <c r="G16" s="269">
        <v>0.45135841642170732</v>
      </c>
      <c r="H16" s="262">
        <v>9.4074434576737948E-2</v>
      </c>
    </row>
    <row r="17" spans="1:8" s="5" customFormat="1">
      <c r="A17" s="44" t="s">
        <v>539</v>
      </c>
      <c r="B17" s="45">
        <v>152</v>
      </c>
      <c r="C17" s="46">
        <v>75.400594117672014</v>
      </c>
      <c r="D17" s="47">
        <v>2.9544547523733748</v>
      </c>
      <c r="E17" s="270">
        <v>0.15292292258290155</v>
      </c>
      <c r="F17" s="263">
        <v>5.8973237471375908E-2</v>
      </c>
      <c r="G17" s="270">
        <v>0.46250871603798105</v>
      </c>
      <c r="H17" s="263">
        <v>7.9850109799659508E-2</v>
      </c>
    </row>
    <row r="18" spans="1:8" s="5" customFormat="1">
      <c r="A18" s="40" t="s">
        <v>540</v>
      </c>
      <c r="B18" s="41">
        <v>339</v>
      </c>
      <c r="C18" s="42">
        <v>74.064183285221191</v>
      </c>
      <c r="D18" s="43">
        <v>2.0445020738705488</v>
      </c>
      <c r="E18" s="269">
        <v>0.17429643409090306</v>
      </c>
      <c r="F18" s="262">
        <v>4.1316102767440563E-2</v>
      </c>
      <c r="G18" s="269">
        <v>0.46604900884235695</v>
      </c>
      <c r="H18" s="262">
        <v>5.3873197181229342E-2</v>
      </c>
    </row>
    <row r="19" spans="1:8" s="5" customFormat="1">
      <c r="A19" s="44" t="s">
        <v>541</v>
      </c>
      <c r="B19" s="45">
        <v>112</v>
      </c>
      <c r="C19" s="46">
        <v>76.934305136730629</v>
      </c>
      <c r="D19" s="47">
        <v>3.5061113873935614</v>
      </c>
      <c r="E19" s="270">
        <v>0.10084875519669394</v>
      </c>
      <c r="F19" s="263">
        <v>5.9153961932554205E-2</v>
      </c>
      <c r="G19" s="270">
        <v>0.61767764806193848</v>
      </c>
      <c r="H19" s="263">
        <v>9.0418670156490383E-2</v>
      </c>
    </row>
    <row r="20" spans="1:8">
      <c r="A20" s="40" t="s">
        <v>542</v>
      </c>
      <c r="B20" s="41">
        <v>95</v>
      </c>
      <c r="C20" s="42">
        <v>72.756336981727372</v>
      </c>
      <c r="D20" s="43">
        <v>3.7915567413993712</v>
      </c>
      <c r="E20" s="269">
        <v>0.21238113651199278</v>
      </c>
      <c r="F20" s="262">
        <v>8.3804765800284509E-2</v>
      </c>
      <c r="G20" s="269">
        <v>0.35084073250442427</v>
      </c>
      <c r="H20" s="262">
        <v>9.6297739069005628E-2</v>
      </c>
    </row>
    <row r="21" spans="1:8">
      <c r="A21" s="44" t="s">
        <v>543</v>
      </c>
      <c r="B21" s="45">
        <v>77</v>
      </c>
      <c r="C21" s="46">
        <v>70.498391575250153</v>
      </c>
      <c r="D21" s="47">
        <v>4.792868887264591</v>
      </c>
      <c r="E21" s="270">
        <v>0.24323333935856828</v>
      </c>
      <c r="F21" s="263">
        <v>9.6971835441193505E-2</v>
      </c>
      <c r="G21" s="270">
        <v>0.43280772079611018</v>
      </c>
      <c r="H21" s="263">
        <v>0.11020073580650346</v>
      </c>
    </row>
    <row r="22" spans="1:8">
      <c r="A22" s="52" t="s">
        <v>544</v>
      </c>
      <c r="B22" s="41">
        <v>55</v>
      </c>
      <c r="C22" s="42">
        <v>77.320872870913576</v>
      </c>
      <c r="D22" s="43">
        <v>4.4155283037715911</v>
      </c>
      <c r="E22" s="269">
        <v>0.12285406244265559</v>
      </c>
      <c r="F22" s="262">
        <v>9.2569281039032669E-2</v>
      </c>
      <c r="G22" s="269">
        <v>0.4529986814112742</v>
      </c>
      <c r="H22" s="262">
        <v>0.12968809108778173</v>
      </c>
    </row>
    <row r="23" spans="1:8">
      <c r="A23" s="44" t="s">
        <v>545</v>
      </c>
      <c r="B23" s="45">
        <v>632</v>
      </c>
      <c r="C23" s="46">
        <v>73.643543210958612</v>
      </c>
      <c r="D23" s="47">
        <v>1.5138335728886245</v>
      </c>
      <c r="E23" s="270">
        <v>0.17632416518033936</v>
      </c>
      <c r="F23" s="263">
        <v>3.0359235101024951E-2</v>
      </c>
      <c r="G23" s="270">
        <v>0.41409780346068009</v>
      </c>
      <c r="H23" s="263">
        <v>3.9070436370429847E-2</v>
      </c>
    </row>
    <row r="24" spans="1:8">
      <c r="A24" s="52" t="s">
        <v>546</v>
      </c>
      <c r="B24" s="41">
        <v>65</v>
      </c>
      <c r="C24" s="42">
        <v>71.66348771297082</v>
      </c>
      <c r="D24" s="43">
        <v>4.8661280161769769</v>
      </c>
      <c r="E24" s="269">
        <v>0.19903806855007874</v>
      </c>
      <c r="F24" s="262">
        <v>9.9161505644991002E-2</v>
      </c>
      <c r="G24" s="269">
        <v>0.37862862652917856</v>
      </c>
      <c r="H24" s="262">
        <v>0.1171960891972823</v>
      </c>
    </row>
    <row r="25" spans="1:8">
      <c r="A25" s="44" t="s">
        <v>547</v>
      </c>
      <c r="B25" s="45">
        <v>146</v>
      </c>
      <c r="C25" s="46">
        <v>74.760720274873094</v>
      </c>
      <c r="D25" s="47">
        <v>3.4379122735410585</v>
      </c>
      <c r="E25" s="270">
        <v>0.15549446944622189</v>
      </c>
      <c r="F25" s="263">
        <v>6.0566516256217326E-2</v>
      </c>
      <c r="G25" s="270">
        <v>0.41666210990288527</v>
      </c>
      <c r="H25" s="263">
        <v>8.0568028090308108E-2</v>
      </c>
    </row>
    <row r="26" spans="1:8">
      <c r="A26" s="52" t="s">
        <v>548</v>
      </c>
      <c r="B26" s="41">
        <v>163</v>
      </c>
      <c r="C26" s="42">
        <v>73.930105803841712</v>
      </c>
      <c r="D26" s="43">
        <v>2.8487123759375503</v>
      </c>
      <c r="E26" s="269">
        <v>0.19445703515181628</v>
      </c>
      <c r="F26" s="262">
        <v>6.2110989233092953E-2</v>
      </c>
      <c r="G26" s="269">
        <v>0.44500377630096088</v>
      </c>
      <c r="H26" s="262">
        <v>7.6935087413876488E-2</v>
      </c>
    </row>
    <row r="27" spans="1:8">
      <c r="A27" s="44" t="s">
        <v>549</v>
      </c>
      <c r="B27" s="45">
        <v>70</v>
      </c>
      <c r="C27" s="46">
        <v>72.416720602388096</v>
      </c>
      <c r="D27" s="47">
        <v>4.4511015409150376</v>
      </c>
      <c r="E27" s="270">
        <v>0.14285931692655632</v>
      </c>
      <c r="F27" s="263">
        <v>8.5698082504988143E-2</v>
      </c>
      <c r="G27" s="270">
        <v>0.33959807889383781</v>
      </c>
      <c r="H27" s="263">
        <v>0.11076577128808454</v>
      </c>
    </row>
    <row r="28" spans="1:8" s="5" customFormat="1">
      <c r="A28" s="52" t="s">
        <v>550</v>
      </c>
      <c r="B28" s="41">
        <v>119</v>
      </c>
      <c r="C28" s="42">
        <v>74.670577301815868</v>
      </c>
      <c r="D28" s="43">
        <v>3.2338236774442448</v>
      </c>
      <c r="E28" s="269">
        <v>0.16882151462025641</v>
      </c>
      <c r="F28" s="262">
        <v>6.9220614212244985E-2</v>
      </c>
      <c r="G28" s="269">
        <v>0.4645268143609021</v>
      </c>
      <c r="H28" s="262">
        <v>8.9954309270910734E-2</v>
      </c>
    </row>
    <row r="29" spans="1:8" s="5" customFormat="1">
      <c r="A29" s="44" t="s">
        <v>551</v>
      </c>
      <c r="B29" s="45">
        <v>69</v>
      </c>
      <c r="C29" s="46">
        <v>71.46725161330528</v>
      </c>
      <c r="D29" s="47">
        <v>4.6530609326652108</v>
      </c>
      <c r="E29" s="270">
        <v>0.18271826151382811</v>
      </c>
      <c r="F29" s="263">
        <v>9.3651094421718456E-2</v>
      </c>
      <c r="G29" s="270">
        <v>0.30852497746858099</v>
      </c>
      <c r="H29" s="263">
        <v>0.1091047169898525</v>
      </c>
    </row>
    <row r="30" spans="1:8" s="5" customFormat="1"/>
    <row r="32" spans="1:8" ht="18.75">
      <c r="A32" s="336" t="s">
        <v>7</v>
      </c>
      <c r="B32" s="336"/>
      <c r="C32" s="336"/>
      <c r="D32" s="336"/>
      <c r="E32" s="336"/>
      <c r="F32" s="336"/>
      <c r="G32" s="336"/>
      <c r="H32" s="336"/>
    </row>
    <row r="33" spans="1:8" ht="63.75" customHeight="1">
      <c r="A33" s="346" t="s">
        <v>454</v>
      </c>
      <c r="B33" s="346"/>
      <c r="C33" s="346"/>
      <c r="D33" s="346"/>
      <c r="E33" s="346"/>
      <c r="F33" s="346"/>
      <c r="G33" s="346"/>
      <c r="H33" s="346"/>
    </row>
    <row r="34" spans="1:8" ht="39.75" customHeight="1">
      <c r="A34" s="351" t="s">
        <v>77</v>
      </c>
      <c r="B34" s="352"/>
      <c r="C34" s="352"/>
      <c r="D34" s="352"/>
      <c r="E34" s="352"/>
      <c r="F34" s="352"/>
      <c r="G34" s="352"/>
      <c r="H34" s="352"/>
    </row>
    <row r="35" spans="1:8" ht="45" customHeight="1">
      <c r="A35" s="32" t="s">
        <v>71</v>
      </c>
      <c r="B35" s="33" t="s">
        <v>72</v>
      </c>
      <c r="C35" s="34" t="s">
        <v>588</v>
      </c>
      <c r="D35" s="35" t="s">
        <v>73</v>
      </c>
      <c r="E35" s="33" t="s">
        <v>330</v>
      </c>
      <c r="F35" s="35" t="s">
        <v>334</v>
      </c>
      <c r="G35" s="34" t="s">
        <v>332</v>
      </c>
      <c r="H35" s="35" t="s">
        <v>335</v>
      </c>
    </row>
    <row r="36" spans="1:8" ht="67.5" customHeight="1">
      <c r="A36" s="36"/>
      <c r="B36" s="37" t="s">
        <v>74</v>
      </c>
      <c r="C36" s="38" t="s">
        <v>75</v>
      </c>
      <c r="D36" s="39" t="s">
        <v>76</v>
      </c>
      <c r="E36" s="37" t="s">
        <v>331</v>
      </c>
      <c r="F36" s="86" t="s">
        <v>88</v>
      </c>
      <c r="G36" s="123" t="s">
        <v>333</v>
      </c>
      <c r="H36" s="86" t="s">
        <v>88</v>
      </c>
    </row>
    <row r="37" spans="1:8">
      <c r="A37" s="40" t="s">
        <v>349</v>
      </c>
      <c r="B37" s="53">
        <v>13388</v>
      </c>
      <c r="C37" s="54">
        <v>68.207873174728974</v>
      </c>
      <c r="D37" s="55">
        <v>0.31219410610008241</v>
      </c>
      <c r="E37" s="264">
        <v>0.29200125744005584</v>
      </c>
      <c r="F37" s="265">
        <v>7.8585608336742812E-3</v>
      </c>
      <c r="G37" s="264">
        <v>0.29748781954773451</v>
      </c>
      <c r="H37" s="265">
        <v>7.9012217198860726E-3</v>
      </c>
    </row>
    <row r="38" spans="1:8" s="5" customFormat="1">
      <c r="A38" s="44" t="s">
        <v>350</v>
      </c>
      <c r="B38" s="56">
        <v>9889</v>
      </c>
      <c r="C38" s="57">
        <v>69.687648348819224</v>
      </c>
      <c r="D38" s="58">
        <v>0.35282419388633779</v>
      </c>
      <c r="E38" s="266">
        <v>0.26144549542372658</v>
      </c>
      <c r="F38" s="267">
        <v>8.8368927471551059E-3</v>
      </c>
      <c r="G38" s="266">
        <v>0.32979567643007823</v>
      </c>
      <c r="H38" s="267">
        <v>9.4539889739480489E-3</v>
      </c>
    </row>
    <row r="39" spans="1:8" s="5" customFormat="1">
      <c r="A39" s="40" t="s">
        <v>351</v>
      </c>
      <c r="B39" s="49">
        <v>3499</v>
      </c>
      <c r="C39" s="50">
        <v>66.961984852629868</v>
      </c>
      <c r="D39" s="51">
        <v>0.64258535087208368</v>
      </c>
      <c r="E39" s="268">
        <v>0.31772750811347128</v>
      </c>
      <c r="F39" s="265">
        <v>1.5735922680593154E-2</v>
      </c>
      <c r="G39" s="268">
        <v>0.27028640253078789</v>
      </c>
      <c r="H39" s="265">
        <v>1.5011732185328109E-2</v>
      </c>
    </row>
    <row r="40" spans="1:8" s="5" customFormat="1">
      <c r="A40" s="44" t="s">
        <v>533</v>
      </c>
      <c r="B40" s="56">
        <v>3086</v>
      </c>
      <c r="C40" s="57">
        <v>69.097346290942852</v>
      </c>
      <c r="D40" s="58">
        <v>0.61800145815892193</v>
      </c>
      <c r="E40" s="266">
        <v>0.27432372118406628</v>
      </c>
      <c r="F40" s="267">
        <v>1.6058226934181786E-2</v>
      </c>
      <c r="G40" s="266">
        <v>0.31797365136372846</v>
      </c>
      <c r="H40" s="267">
        <v>1.6758406503355409E-2</v>
      </c>
    </row>
    <row r="41" spans="1:8" s="5" customFormat="1">
      <c r="A41" s="40" t="s">
        <v>534</v>
      </c>
      <c r="B41" s="49">
        <v>2450</v>
      </c>
      <c r="C41" s="50">
        <v>72.011123239951132</v>
      </c>
      <c r="D41" s="51">
        <v>0.66895056730470359</v>
      </c>
      <c r="E41" s="268">
        <v>0.21068148433697406</v>
      </c>
      <c r="F41" s="265">
        <v>1.6477365953093438E-2</v>
      </c>
      <c r="G41" s="268">
        <v>0.37884144017357824</v>
      </c>
      <c r="H41" s="265">
        <v>1.9586949856557123E-2</v>
      </c>
    </row>
    <row r="42" spans="1:8" s="5" customFormat="1">
      <c r="A42" s="44" t="s">
        <v>535</v>
      </c>
      <c r="B42" s="56">
        <v>474</v>
      </c>
      <c r="C42" s="57">
        <v>73.130805263017777</v>
      </c>
      <c r="D42" s="58">
        <v>1.468129856339786</v>
      </c>
      <c r="E42" s="266">
        <v>0.20477238206139767</v>
      </c>
      <c r="F42" s="267">
        <v>3.7078824094357157E-2</v>
      </c>
      <c r="G42" s="266">
        <v>0.4380940330226416</v>
      </c>
      <c r="H42" s="267">
        <v>4.5392894086916151E-2</v>
      </c>
    </row>
    <row r="43" spans="1:8" s="5" customFormat="1">
      <c r="A43" s="40" t="s">
        <v>536</v>
      </c>
      <c r="B43" s="49">
        <v>86</v>
      </c>
      <c r="C43" s="50">
        <v>73.888255964346541</v>
      </c>
      <c r="D43" s="51">
        <v>3.3036336185416126</v>
      </c>
      <c r="E43" s="268">
        <v>0.20121861326586699</v>
      </c>
      <c r="F43" s="265">
        <v>8.6535409786741416E-2</v>
      </c>
      <c r="G43" s="268">
        <v>0.44675714412083978</v>
      </c>
      <c r="H43" s="265">
        <v>0.10486214888828657</v>
      </c>
    </row>
    <row r="44" spans="1:8" s="5" customFormat="1">
      <c r="A44" s="44" t="s">
        <v>537</v>
      </c>
      <c r="B44" s="56">
        <v>135</v>
      </c>
      <c r="C44" s="57">
        <v>72.834752935654961</v>
      </c>
      <c r="D44" s="58">
        <v>2.9897318764915481</v>
      </c>
      <c r="E44" s="266">
        <v>0.22173102603588365</v>
      </c>
      <c r="F44" s="267">
        <v>7.1360643598822535E-2</v>
      </c>
      <c r="G44" s="266">
        <v>0.47634080464710604</v>
      </c>
      <c r="H44" s="267">
        <v>8.4729276058294889E-2</v>
      </c>
    </row>
    <row r="45" spans="1:8" s="5" customFormat="1">
      <c r="A45" s="40" t="s">
        <v>538</v>
      </c>
      <c r="B45" s="49">
        <v>104</v>
      </c>
      <c r="C45" s="50">
        <v>71.664164901992905</v>
      </c>
      <c r="D45" s="51">
        <v>3.1162798600988362</v>
      </c>
      <c r="E45" s="268">
        <v>0.22873599543545578</v>
      </c>
      <c r="F45" s="265">
        <v>8.2049122564558208E-2</v>
      </c>
      <c r="G45" s="268">
        <v>0.44417845438662068</v>
      </c>
      <c r="H45" s="265">
        <v>9.5667343934891624E-2</v>
      </c>
    </row>
    <row r="46" spans="1:8" s="5" customFormat="1">
      <c r="A46" s="44" t="s">
        <v>539</v>
      </c>
      <c r="B46" s="56">
        <v>149</v>
      </c>
      <c r="C46" s="57">
        <v>73.728735024958411</v>
      </c>
      <c r="D46" s="58">
        <v>2.480485234157932</v>
      </c>
      <c r="E46" s="266">
        <v>0.18411239007836916</v>
      </c>
      <c r="F46" s="267">
        <v>6.3732350982315014E-2</v>
      </c>
      <c r="G46" s="266">
        <v>0.40841148637134977</v>
      </c>
      <c r="H46" s="267">
        <v>7.9548468022314092E-2</v>
      </c>
    </row>
    <row r="47" spans="1:8" s="5" customFormat="1">
      <c r="A47" s="40" t="s">
        <v>540</v>
      </c>
      <c r="B47" s="53">
        <v>335</v>
      </c>
      <c r="C47" s="54">
        <v>72.652788098029077</v>
      </c>
      <c r="D47" s="55">
        <v>1.8836224105812602</v>
      </c>
      <c r="E47" s="264">
        <v>0.20227934377380982</v>
      </c>
      <c r="F47" s="265">
        <v>4.3914883173238134E-2</v>
      </c>
      <c r="G47" s="264">
        <v>0.3816413856496092</v>
      </c>
      <c r="H47" s="265">
        <v>5.2805635511821117E-2</v>
      </c>
    </row>
    <row r="48" spans="1:8">
      <c r="A48" s="44" t="s">
        <v>541</v>
      </c>
      <c r="B48" s="56">
        <v>111</v>
      </c>
      <c r="C48" s="57">
        <v>73.676188916209313</v>
      </c>
      <c r="D48" s="58">
        <v>3.1471690625787159</v>
      </c>
      <c r="E48" s="266">
        <v>0.16382891882658498</v>
      </c>
      <c r="F48" s="267">
        <v>7.0947356992465585E-2</v>
      </c>
      <c r="G48" s="266">
        <v>0.39219203407819203</v>
      </c>
      <c r="H48" s="267">
        <v>9.1208677487032361E-2</v>
      </c>
    </row>
    <row r="49" spans="1:50">
      <c r="A49" s="40" t="s">
        <v>542</v>
      </c>
      <c r="B49" s="49">
        <v>94</v>
      </c>
      <c r="C49" s="50">
        <v>73.946397569476702</v>
      </c>
      <c r="D49" s="51">
        <v>3.4743317678761563</v>
      </c>
      <c r="E49" s="268">
        <v>0.16428921849660683</v>
      </c>
      <c r="F49" s="265">
        <v>7.7277832798061566E-2</v>
      </c>
      <c r="G49" s="268">
        <v>0.38459477621445998</v>
      </c>
      <c r="H49" s="265">
        <v>9.8508605200939403E-2</v>
      </c>
    </row>
    <row r="50" spans="1:50">
      <c r="A50" s="44" t="s">
        <v>543</v>
      </c>
      <c r="B50" s="56">
        <v>76</v>
      </c>
      <c r="C50" s="57">
        <v>67.305431165773712</v>
      </c>
      <c r="D50" s="58">
        <v>4.4101783862556498</v>
      </c>
      <c r="E50" s="266">
        <v>0.34054711114266162</v>
      </c>
      <c r="F50" s="267">
        <v>0.10654898768926244</v>
      </c>
      <c r="G50" s="266">
        <v>0.30592118576219918</v>
      </c>
      <c r="H50" s="267">
        <v>0.10392446921016829</v>
      </c>
    </row>
    <row r="51" spans="1:50">
      <c r="A51" s="52" t="s">
        <v>544</v>
      </c>
      <c r="B51" s="53">
        <v>54</v>
      </c>
      <c r="C51" s="54">
        <v>77.275574919730417</v>
      </c>
      <c r="D51" s="55">
        <v>4.1976548999911509</v>
      </c>
      <c r="E51" s="264">
        <v>0.12514675058214544</v>
      </c>
      <c r="F51" s="265">
        <v>9.4027909199847062E-2</v>
      </c>
      <c r="G51" s="264">
        <v>0.49764131047029003</v>
      </c>
      <c r="H51" s="265">
        <v>0.13130516640057793</v>
      </c>
    </row>
    <row r="52" spans="1:50">
      <c r="A52" s="44" t="s">
        <v>545</v>
      </c>
      <c r="B52" s="56">
        <v>621</v>
      </c>
      <c r="C52" s="57">
        <v>72.758080067646432</v>
      </c>
      <c r="D52" s="58">
        <v>1.3280078643732753</v>
      </c>
      <c r="E52" s="266">
        <v>0.19160631377987891</v>
      </c>
      <c r="F52" s="267">
        <v>3.1608282869045976E-2</v>
      </c>
      <c r="G52" s="266">
        <v>0.39380115383228487</v>
      </c>
      <c r="H52" s="267">
        <v>3.9099111315760771E-2</v>
      </c>
    </row>
    <row r="53" spans="1:50">
      <c r="A53" s="52" t="s">
        <v>546</v>
      </c>
      <c r="B53" s="53">
        <v>64</v>
      </c>
      <c r="C53" s="54">
        <v>69.7415777663646</v>
      </c>
      <c r="D53" s="55">
        <v>4.3404786920831082</v>
      </c>
      <c r="E53" s="264">
        <v>0.27274496654770403</v>
      </c>
      <c r="F53" s="265">
        <v>0.10961223434280096</v>
      </c>
      <c r="G53" s="264">
        <v>0.3655512497628039</v>
      </c>
      <c r="H53" s="265">
        <v>0.11731998183537633</v>
      </c>
    </row>
    <row r="54" spans="1:50">
      <c r="A54" s="44" t="s">
        <v>547</v>
      </c>
      <c r="B54" s="56">
        <v>146</v>
      </c>
      <c r="C54" s="57">
        <v>73.113218161616672</v>
      </c>
      <c r="D54" s="58">
        <v>2.7311060000437699</v>
      </c>
      <c r="E54" s="266">
        <v>0.15994136114228039</v>
      </c>
      <c r="F54" s="267">
        <v>6.1198115328023502E-2</v>
      </c>
      <c r="G54" s="266">
        <v>0.40291309657177932</v>
      </c>
      <c r="H54" s="267">
        <v>8.0178158828285287E-2</v>
      </c>
    </row>
    <row r="55" spans="1:50">
      <c r="A55" s="52" t="s">
        <v>548</v>
      </c>
      <c r="B55" s="53">
        <v>156</v>
      </c>
      <c r="C55" s="54">
        <v>74.488950482386628</v>
      </c>
      <c r="D55" s="55">
        <v>2.5462077443380347</v>
      </c>
      <c r="E55" s="264">
        <v>0.18223814281480458</v>
      </c>
      <c r="F55" s="265">
        <v>6.2050971817254524E-2</v>
      </c>
      <c r="G55" s="264">
        <v>0.41808284341158308</v>
      </c>
      <c r="H55" s="265">
        <v>7.8041800733774341E-2</v>
      </c>
    </row>
    <row r="56" spans="1:50">
      <c r="A56" s="44" t="s">
        <v>549</v>
      </c>
      <c r="B56" s="56">
        <v>67</v>
      </c>
      <c r="C56" s="57">
        <v>69.842354534484045</v>
      </c>
      <c r="D56" s="58">
        <v>4.254322884591188</v>
      </c>
      <c r="E56" s="266">
        <v>0.30317637262565411</v>
      </c>
      <c r="F56" s="267">
        <v>0.11018614724941315</v>
      </c>
      <c r="G56" s="266">
        <v>0.36175706762688942</v>
      </c>
      <c r="H56" s="267">
        <v>0.11456755134355752</v>
      </c>
    </row>
    <row r="57" spans="1:50">
      <c r="A57" s="52" t="s">
        <v>550</v>
      </c>
      <c r="B57" s="53">
        <v>119</v>
      </c>
      <c r="C57" s="54">
        <v>73.688111847016287</v>
      </c>
      <c r="D57" s="55">
        <v>2.8883104225384884</v>
      </c>
      <c r="E57" s="264">
        <v>0.15825247546063051</v>
      </c>
      <c r="F57" s="265">
        <v>6.7638758538500834E-2</v>
      </c>
      <c r="G57" s="264">
        <v>0.40853075605446415</v>
      </c>
      <c r="H57" s="265">
        <v>8.8743477888796607E-2</v>
      </c>
    </row>
    <row r="58" spans="1:50">
      <c r="A58" s="44" t="s">
        <v>551</v>
      </c>
      <c r="B58" s="56">
        <v>69</v>
      </c>
      <c r="C58" s="57">
        <v>70.241678258266319</v>
      </c>
      <c r="D58" s="58">
        <v>4.2256735065300699</v>
      </c>
      <c r="E58" s="266">
        <v>0.20473112988408473</v>
      </c>
      <c r="F58" s="267">
        <v>9.7111405941784565E-2</v>
      </c>
      <c r="G58" s="266">
        <v>0.33609367559030223</v>
      </c>
      <c r="H58" s="267">
        <v>0.11128100825159265</v>
      </c>
    </row>
    <row r="59" spans="1:50" s="5" customFormat="1"/>
    <row r="61" spans="1:50" ht="18.75">
      <c r="A61" s="336" t="s">
        <v>32</v>
      </c>
      <c r="B61" s="336"/>
      <c r="C61" s="336"/>
      <c r="D61" s="336"/>
      <c r="E61" s="336"/>
      <c r="F61" s="336"/>
      <c r="G61" s="336"/>
      <c r="H61" s="336"/>
      <c r="I61" s="336"/>
      <c r="J61" s="336"/>
      <c r="K61" s="336"/>
      <c r="L61" s="336"/>
      <c r="M61" s="336"/>
      <c r="N61" s="336"/>
      <c r="O61" s="336"/>
      <c r="P61" s="336"/>
      <c r="Q61" s="336"/>
      <c r="R61" s="336"/>
      <c r="S61" s="336"/>
      <c r="T61" s="336"/>
      <c r="U61" s="336"/>
      <c r="V61" s="336"/>
      <c r="W61" s="336"/>
      <c r="X61" s="336"/>
      <c r="Y61" s="336"/>
      <c r="Z61" s="336"/>
      <c r="AA61" s="336"/>
      <c r="AB61" s="336"/>
      <c r="AC61" s="336"/>
      <c r="AD61" s="336"/>
      <c r="AE61" s="336"/>
      <c r="AF61" s="336"/>
      <c r="AG61" s="336"/>
      <c r="AH61" s="336"/>
      <c r="AI61" s="336"/>
      <c r="AJ61" s="336"/>
      <c r="AK61" s="336"/>
      <c r="AL61" s="336"/>
      <c r="AM61" s="336"/>
      <c r="AN61" s="336"/>
      <c r="AO61" s="336"/>
      <c r="AP61" s="336"/>
      <c r="AQ61" s="336"/>
      <c r="AR61" s="336"/>
      <c r="AS61" s="336"/>
      <c r="AT61" s="336"/>
      <c r="AU61" s="336"/>
      <c r="AV61" s="336"/>
      <c r="AW61" s="336"/>
      <c r="AX61" s="336"/>
    </row>
    <row r="62" spans="1:50" ht="70.5" customHeight="1">
      <c r="A62" s="347" t="s">
        <v>578</v>
      </c>
      <c r="B62" s="347"/>
      <c r="C62" s="347"/>
      <c r="D62" s="347"/>
      <c r="E62" s="347"/>
      <c r="F62" s="347"/>
      <c r="G62" s="347"/>
      <c r="H62" s="347"/>
      <c r="I62" s="347"/>
      <c r="J62" s="347"/>
      <c r="K62" s="347"/>
      <c r="L62" s="347"/>
      <c r="M62" s="347"/>
      <c r="N62" s="347"/>
      <c r="O62" s="347"/>
      <c r="P62" s="347"/>
      <c r="Q62" s="347"/>
      <c r="R62" s="347"/>
      <c r="S62" s="347"/>
      <c r="T62" s="347"/>
      <c r="U62" s="347"/>
      <c r="V62" s="347"/>
      <c r="W62" s="347"/>
      <c r="X62" s="347"/>
      <c r="Y62" s="347"/>
      <c r="Z62" s="347"/>
      <c r="AA62" s="347"/>
      <c r="AB62" s="347"/>
      <c r="AC62" s="347"/>
      <c r="AD62" s="347"/>
      <c r="AE62" s="347"/>
      <c r="AF62" s="347"/>
      <c r="AG62" s="347"/>
      <c r="AH62" s="347"/>
      <c r="AI62" s="347"/>
      <c r="AJ62" s="347"/>
      <c r="AK62" s="347"/>
      <c r="AL62" s="347"/>
      <c r="AM62" s="347"/>
      <c r="AN62" s="347"/>
      <c r="AO62" s="347"/>
      <c r="AP62" s="347"/>
      <c r="AQ62" s="347"/>
      <c r="AR62" s="347"/>
      <c r="AS62" s="347"/>
      <c r="AT62" s="347"/>
      <c r="AU62" s="347"/>
      <c r="AV62" s="347"/>
      <c r="AW62" s="347"/>
      <c r="AX62" s="347"/>
    </row>
    <row r="63" spans="1:50" ht="32.25" customHeight="1">
      <c r="A63" s="300" t="s">
        <v>78</v>
      </c>
      <c r="B63" s="342" t="s">
        <v>79</v>
      </c>
      <c r="C63" s="343"/>
      <c r="D63" s="343"/>
      <c r="E63" s="343"/>
      <c r="F63" s="343"/>
      <c r="G63" s="343"/>
      <c r="H63" s="344"/>
      <c r="I63" s="342" t="s">
        <v>336</v>
      </c>
      <c r="J63" s="343"/>
      <c r="K63" s="343"/>
      <c r="L63" s="343"/>
      <c r="M63" s="343"/>
      <c r="N63" s="343"/>
      <c r="O63" s="344"/>
      <c r="P63" s="342" t="s">
        <v>337</v>
      </c>
      <c r="Q63" s="343"/>
      <c r="R63" s="343"/>
      <c r="S63" s="343"/>
      <c r="T63" s="343"/>
      <c r="U63" s="343"/>
      <c r="V63" s="344"/>
      <c r="W63" s="342" t="s">
        <v>80</v>
      </c>
      <c r="X63" s="343"/>
      <c r="Y63" s="343"/>
      <c r="Z63" s="343"/>
      <c r="AA63" s="343"/>
      <c r="AB63" s="343"/>
      <c r="AC63" s="344"/>
      <c r="AD63" s="342" t="s">
        <v>81</v>
      </c>
      <c r="AE63" s="343"/>
      <c r="AF63" s="343"/>
      <c r="AG63" s="343"/>
      <c r="AH63" s="343"/>
      <c r="AI63" s="343"/>
      <c r="AJ63" s="344"/>
      <c r="AK63" s="342" t="s">
        <v>82</v>
      </c>
      <c r="AL63" s="343"/>
      <c r="AM63" s="343"/>
      <c r="AN63" s="343"/>
      <c r="AO63" s="343"/>
      <c r="AP63" s="343"/>
      <c r="AQ63" s="344"/>
      <c r="AR63" s="342" t="s">
        <v>83</v>
      </c>
      <c r="AS63" s="343"/>
      <c r="AT63" s="343"/>
      <c r="AU63" s="343"/>
      <c r="AV63" s="343"/>
      <c r="AW63" s="343"/>
      <c r="AX63" s="344"/>
    </row>
    <row r="64" spans="1:50" ht="43.5" customHeight="1">
      <c r="A64" s="32" t="s">
        <v>71</v>
      </c>
      <c r="B64" s="33" t="s">
        <v>72</v>
      </c>
      <c r="C64" s="34" t="s">
        <v>588</v>
      </c>
      <c r="D64" s="35" t="s">
        <v>73</v>
      </c>
      <c r="E64" s="34" t="s">
        <v>330</v>
      </c>
      <c r="F64" s="35" t="s">
        <v>334</v>
      </c>
      <c r="G64" s="34" t="s">
        <v>332</v>
      </c>
      <c r="H64" s="35" t="s">
        <v>335</v>
      </c>
      <c r="I64" s="60" t="s">
        <v>72</v>
      </c>
      <c r="J64" s="61" t="s">
        <v>588</v>
      </c>
      <c r="K64" s="62" t="s">
        <v>73</v>
      </c>
      <c r="L64" s="61" t="s">
        <v>330</v>
      </c>
      <c r="M64" s="62" t="s">
        <v>334</v>
      </c>
      <c r="N64" s="61" t="s">
        <v>332</v>
      </c>
      <c r="O64" s="62" t="s">
        <v>335</v>
      </c>
      <c r="P64" s="33" t="s">
        <v>72</v>
      </c>
      <c r="Q64" s="34" t="s">
        <v>588</v>
      </c>
      <c r="R64" s="35" t="s">
        <v>73</v>
      </c>
      <c r="S64" s="34" t="s">
        <v>330</v>
      </c>
      <c r="T64" s="35" t="s">
        <v>334</v>
      </c>
      <c r="U64" s="34" t="s">
        <v>332</v>
      </c>
      <c r="V64" s="35" t="s">
        <v>335</v>
      </c>
      <c r="W64" s="60" t="s">
        <v>72</v>
      </c>
      <c r="X64" s="61" t="s">
        <v>588</v>
      </c>
      <c r="Y64" s="62" t="s">
        <v>73</v>
      </c>
      <c r="Z64" s="61" t="s">
        <v>330</v>
      </c>
      <c r="AA64" s="62" t="s">
        <v>334</v>
      </c>
      <c r="AB64" s="61" t="s">
        <v>332</v>
      </c>
      <c r="AC64" s="62" t="s">
        <v>335</v>
      </c>
      <c r="AD64" s="33" t="s">
        <v>72</v>
      </c>
      <c r="AE64" s="34" t="s">
        <v>588</v>
      </c>
      <c r="AF64" s="35" t="s">
        <v>73</v>
      </c>
      <c r="AG64" s="34" t="s">
        <v>330</v>
      </c>
      <c r="AH64" s="35" t="s">
        <v>334</v>
      </c>
      <c r="AI64" s="34" t="s">
        <v>332</v>
      </c>
      <c r="AJ64" s="35" t="s">
        <v>335</v>
      </c>
      <c r="AK64" s="60" t="s">
        <v>72</v>
      </c>
      <c r="AL64" s="61" t="s">
        <v>588</v>
      </c>
      <c r="AM64" s="62" t="s">
        <v>73</v>
      </c>
      <c r="AN64" s="61" t="s">
        <v>330</v>
      </c>
      <c r="AO64" s="62" t="s">
        <v>334</v>
      </c>
      <c r="AP64" s="61" t="s">
        <v>332</v>
      </c>
      <c r="AQ64" s="62" t="s">
        <v>335</v>
      </c>
      <c r="AR64" s="33" t="s">
        <v>72</v>
      </c>
      <c r="AS64" s="34" t="s">
        <v>588</v>
      </c>
      <c r="AT64" s="35" t="s">
        <v>73</v>
      </c>
      <c r="AU64" s="34" t="s">
        <v>330</v>
      </c>
      <c r="AV64" s="35" t="s">
        <v>334</v>
      </c>
      <c r="AW64" s="34" t="s">
        <v>332</v>
      </c>
      <c r="AX64" s="35" t="s">
        <v>335</v>
      </c>
    </row>
    <row r="65" spans="1:50" ht="69" customHeight="1">
      <c r="A65" s="36"/>
      <c r="B65" s="37" t="s">
        <v>74</v>
      </c>
      <c r="C65" s="38" t="s">
        <v>75</v>
      </c>
      <c r="D65" s="39" t="s">
        <v>76</v>
      </c>
      <c r="E65" s="38" t="s">
        <v>331</v>
      </c>
      <c r="F65" s="86" t="s">
        <v>88</v>
      </c>
      <c r="G65" s="38" t="s">
        <v>333</v>
      </c>
      <c r="H65" s="86" t="s">
        <v>88</v>
      </c>
      <c r="I65" s="63" t="s">
        <v>74</v>
      </c>
      <c r="J65" s="64" t="s">
        <v>75</v>
      </c>
      <c r="K65" s="65" t="s">
        <v>76</v>
      </c>
      <c r="L65" s="64" t="s">
        <v>331</v>
      </c>
      <c r="M65" s="65" t="s">
        <v>76</v>
      </c>
      <c r="N65" s="64" t="s">
        <v>333</v>
      </c>
      <c r="O65" s="65" t="s">
        <v>88</v>
      </c>
      <c r="P65" s="37" t="s">
        <v>74</v>
      </c>
      <c r="Q65" s="38" t="s">
        <v>75</v>
      </c>
      <c r="R65" s="39" t="s">
        <v>76</v>
      </c>
      <c r="S65" s="38" t="s">
        <v>331</v>
      </c>
      <c r="T65" s="39" t="s">
        <v>88</v>
      </c>
      <c r="U65" s="38" t="s">
        <v>333</v>
      </c>
      <c r="V65" s="39" t="s">
        <v>88</v>
      </c>
      <c r="W65" s="63" t="s">
        <v>74</v>
      </c>
      <c r="X65" s="64" t="s">
        <v>75</v>
      </c>
      <c r="Y65" s="65" t="s">
        <v>76</v>
      </c>
      <c r="Z65" s="64" t="s">
        <v>331</v>
      </c>
      <c r="AA65" s="65" t="s">
        <v>88</v>
      </c>
      <c r="AB65" s="64" t="s">
        <v>333</v>
      </c>
      <c r="AC65" s="65" t="s">
        <v>88</v>
      </c>
      <c r="AD65" s="37" t="s">
        <v>74</v>
      </c>
      <c r="AE65" s="38" t="s">
        <v>75</v>
      </c>
      <c r="AF65" s="39" t="s">
        <v>76</v>
      </c>
      <c r="AG65" s="38" t="s">
        <v>331</v>
      </c>
      <c r="AH65" s="39" t="s">
        <v>88</v>
      </c>
      <c r="AI65" s="38" t="s">
        <v>333</v>
      </c>
      <c r="AJ65" s="39" t="s">
        <v>88</v>
      </c>
      <c r="AK65" s="63" t="s">
        <v>74</v>
      </c>
      <c r="AL65" s="64" t="s">
        <v>75</v>
      </c>
      <c r="AM65" s="65" t="s">
        <v>76</v>
      </c>
      <c r="AN65" s="64" t="s">
        <v>331</v>
      </c>
      <c r="AO65" s="65" t="s">
        <v>88</v>
      </c>
      <c r="AP65" s="64" t="s">
        <v>333</v>
      </c>
      <c r="AQ65" s="65" t="s">
        <v>88</v>
      </c>
      <c r="AR65" s="37" t="s">
        <v>74</v>
      </c>
      <c r="AS65" s="38" t="s">
        <v>75</v>
      </c>
      <c r="AT65" s="39" t="s">
        <v>76</v>
      </c>
      <c r="AU65" s="38" t="s">
        <v>331</v>
      </c>
      <c r="AV65" s="39" t="s">
        <v>88</v>
      </c>
      <c r="AW65" s="38" t="s">
        <v>333</v>
      </c>
      <c r="AX65" s="39" t="s">
        <v>88</v>
      </c>
    </row>
    <row r="66" spans="1:50">
      <c r="A66" s="40" t="s">
        <v>349</v>
      </c>
      <c r="B66" s="66">
        <v>13570</v>
      </c>
      <c r="C66" s="67">
        <v>71.438630345390308</v>
      </c>
      <c r="D66" s="68">
        <v>0.35337904261092806</v>
      </c>
      <c r="E66" s="271">
        <v>0.240466845408177</v>
      </c>
      <c r="F66" s="272">
        <v>7.3370964794701836E-3</v>
      </c>
      <c r="G66" s="273">
        <v>0.40087115027287756</v>
      </c>
      <c r="H66" s="272">
        <v>8.4128631801001236E-3</v>
      </c>
      <c r="I66" s="66">
        <v>13556</v>
      </c>
      <c r="J66" s="67">
        <v>67.249706894513793</v>
      </c>
      <c r="K66" s="68">
        <v>0.39074111841170045</v>
      </c>
      <c r="L66" s="271">
        <v>0.30006086316616065</v>
      </c>
      <c r="M66" s="272">
        <v>7.8715334654811085E-3</v>
      </c>
      <c r="N66" s="273">
        <v>0.32844081781997503</v>
      </c>
      <c r="O66" s="272">
        <v>8.0665522454644312E-3</v>
      </c>
      <c r="P66" s="66">
        <v>13533</v>
      </c>
      <c r="Q66" s="67">
        <v>65.322654533475699</v>
      </c>
      <c r="R66" s="68">
        <v>0.4054703749536423</v>
      </c>
      <c r="S66" s="271">
        <v>0.34047814760760325</v>
      </c>
      <c r="T66" s="272">
        <v>8.1459649654541111E-3</v>
      </c>
      <c r="U66" s="273">
        <v>0.31825195682542395</v>
      </c>
      <c r="V66" s="272">
        <v>8.0072945826806866E-3</v>
      </c>
      <c r="W66" s="66">
        <v>13522</v>
      </c>
      <c r="X66" s="67">
        <v>71.045567311173087</v>
      </c>
      <c r="Y66" s="68">
        <v>0.42066220326834314</v>
      </c>
      <c r="Z66" s="271">
        <v>0.2735156750950844</v>
      </c>
      <c r="AA66" s="272">
        <v>7.6662448437937727E-3</v>
      </c>
      <c r="AB66" s="273">
        <v>0.44866137810191631</v>
      </c>
      <c r="AC66" s="272">
        <v>8.5529360242496532E-3</v>
      </c>
      <c r="AD66" s="66">
        <v>13549</v>
      </c>
      <c r="AE66" s="67">
        <v>74.042393617335378</v>
      </c>
      <c r="AF66" s="68">
        <v>0.36492693047760022</v>
      </c>
      <c r="AG66" s="271">
        <v>0.21918160250748378</v>
      </c>
      <c r="AH66" s="272">
        <v>7.1080158760762173E-3</v>
      </c>
      <c r="AI66" s="273">
        <v>0.48085613989649967</v>
      </c>
      <c r="AJ66" s="272">
        <v>8.5834900597652631E-3</v>
      </c>
      <c r="AK66" s="66">
        <v>13525</v>
      </c>
      <c r="AL66" s="67">
        <v>64.115309634413777</v>
      </c>
      <c r="AM66" s="68">
        <v>0.42139710288579496</v>
      </c>
      <c r="AN66" s="271">
        <v>0.37418317763397418</v>
      </c>
      <c r="AO66" s="272">
        <v>8.3209243159596807E-3</v>
      </c>
      <c r="AP66" s="273">
        <v>0.29474715129768669</v>
      </c>
      <c r="AQ66" s="272">
        <v>7.8400782607710145E-3</v>
      </c>
      <c r="AR66" s="66">
        <v>13529</v>
      </c>
      <c r="AS66" s="67">
        <v>64.674676425130073</v>
      </c>
      <c r="AT66" s="68">
        <v>0.43499056656587498</v>
      </c>
      <c r="AU66" s="271">
        <v>0.36491027912587382</v>
      </c>
      <c r="AV66" s="272">
        <v>8.2766321104891776E-3</v>
      </c>
      <c r="AW66" s="273">
        <v>0.32030615518574806</v>
      </c>
      <c r="AX66" s="272">
        <v>8.0221596477630282E-3</v>
      </c>
    </row>
    <row r="67" spans="1:50" s="5" customFormat="1">
      <c r="A67" s="44" t="s">
        <v>350</v>
      </c>
      <c r="B67" s="69">
        <v>10055</v>
      </c>
      <c r="C67" s="70">
        <v>73.164697367354762</v>
      </c>
      <c r="D67" s="71">
        <v>0.40048464601374079</v>
      </c>
      <c r="E67" s="274">
        <v>0.20987679526600334</v>
      </c>
      <c r="F67" s="275">
        <v>8.1221281139804268E-3</v>
      </c>
      <c r="G67" s="276">
        <v>0.43607647042244929</v>
      </c>
      <c r="H67" s="275">
        <v>9.8888751877334678E-3</v>
      </c>
      <c r="I67" s="69">
        <v>10043</v>
      </c>
      <c r="J67" s="70">
        <v>66.862155971112429</v>
      </c>
      <c r="K67" s="71">
        <v>0.45433726982971639</v>
      </c>
      <c r="L67" s="274">
        <v>0.30751297821261192</v>
      </c>
      <c r="M67" s="275">
        <v>9.2082990362279665E-3</v>
      </c>
      <c r="N67" s="276">
        <v>0.3300229878843946</v>
      </c>
      <c r="O67" s="275">
        <v>9.3828857711381556E-3</v>
      </c>
      <c r="P67" s="69">
        <v>10027</v>
      </c>
      <c r="Q67" s="70">
        <v>66.791836467068165</v>
      </c>
      <c r="R67" s="71">
        <v>0.46551816361235671</v>
      </c>
      <c r="S67" s="274">
        <v>0.31635250540374288</v>
      </c>
      <c r="T67" s="275">
        <v>9.2872392196801778E-3</v>
      </c>
      <c r="U67" s="276">
        <v>0.34251780998900488</v>
      </c>
      <c r="V67" s="275">
        <v>9.4767739960541098E-3</v>
      </c>
      <c r="W67" s="69">
        <v>10016</v>
      </c>
      <c r="X67" s="70">
        <v>73.037939169361266</v>
      </c>
      <c r="Y67" s="71">
        <v>0.47861896107427071</v>
      </c>
      <c r="Z67" s="274">
        <v>0.24646932655942103</v>
      </c>
      <c r="AA67" s="275">
        <v>8.6116827991018323E-3</v>
      </c>
      <c r="AB67" s="276">
        <v>0.48841836026437457</v>
      </c>
      <c r="AC67" s="275">
        <v>9.9873367464312877E-3</v>
      </c>
      <c r="AD67" s="69">
        <v>10042</v>
      </c>
      <c r="AE67" s="70">
        <v>76.524111162024013</v>
      </c>
      <c r="AF67" s="71">
        <v>0.40950905192480291</v>
      </c>
      <c r="AG67" s="274">
        <v>0.18469742367316946</v>
      </c>
      <c r="AH67" s="275">
        <v>7.7452839747371976E-3</v>
      </c>
      <c r="AI67" s="276">
        <v>0.52778538758003091</v>
      </c>
      <c r="AJ67" s="275">
        <v>9.9616742556273893E-3</v>
      </c>
      <c r="AK67" s="69">
        <v>10025</v>
      </c>
      <c r="AL67" s="70">
        <v>66.892036120047791</v>
      </c>
      <c r="AM67" s="71">
        <v>0.48085713434636318</v>
      </c>
      <c r="AN67" s="274">
        <v>0.32610143263671432</v>
      </c>
      <c r="AO67" s="275">
        <v>9.3626465751574205E-3</v>
      </c>
      <c r="AP67" s="276">
        <v>0.33752311325959089</v>
      </c>
      <c r="AQ67" s="275">
        <v>9.4440602605184599E-3</v>
      </c>
      <c r="AR67" s="69">
        <v>10021</v>
      </c>
      <c r="AS67" s="70">
        <v>65.681533639053356</v>
      </c>
      <c r="AT67" s="71">
        <v>0.5044151860498951</v>
      </c>
      <c r="AU67" s="274">
        <v>0.34756852736597621</v>
      </c>
      <c r="AV67" s="275">
        <v>9.5124684552233083E-3</v>
      </c>
      <c r="AW67" s="276">
        <v>0.34075583167763918</v>
      </c>
      <c r="AX67" s="275">
        <v>9.4678672150871439E-3</v>
      </c>
    </row>
    <row r="68" spans="1:50" s="5" customFormat="1">
      <c r="A68" s="40" t="s">
        <v>351</v>
      </c>
      <c r="B68" s="49">
        <v>3515</v>
      </c>
      <c r="C68" s="50">
        <v>69.976615823825824</v>
      </c>
      <c r="D68" s="51">
        <v>0.72461273116365144</v>
      </c>
      <c r="E68" s="268">
        <v>0.26637725152457892</v>
      </c>
      <c r="F68" s="277">
        <v>1.4908813318692257E-2</v>
      </c>
      <c r="G68" s="268">
        <v>0.37105151485892707</v>
      </c>
      <c r="H68" s="277">
        <v>1.6288464832602888E-2</v>
      </c>
      <c r="I68" s="49">
        <v>3513</v>
      </c>
      <c r="J68" s="50">
        <v>67.577772556268499</v>
      </c>
      <c r="K68" s="51">
        <v>0.76498159555816492</v>
      </c>
      <c r="L68" s="268">
        <v>0.29375257461215459</v>
      </c>
      <c r="M68" s="277">
        <v>1.5364353363018937E-2</v>
      </c>
      <c r="N68" s="268">
        <v>0.3271014953261957</v>
      </c>
      <c r="O68" s="277">
        <v>1.5824386942336503E-2</v>
      </c>
      <c r="P68" s="49">
        <v>3506</v>
      </c>
      <c r="Q68" s="50">
        <v>64.076642051783381</v>
      </c>
      <c r="R68" s="51">
        <v>0.80960608416473434</v>
      </c>
      <c r="S68" s="268">
        <v>0.36093909300008564</v>
      </c>
      <c r="T68" s="277">
        <v>1.6214590668248423E-2</v>
      </c>
      <c r="U68" s="268">
        <v>0.29767209858632715</v>
      </c>
      <c r="V68" s="277">
        <v>1.5438755758263732E-2</v>
      </c>
      <c r="W68" s="49">
        <v>3506</v>
      </c>
      <c r="X68" s="50">
        <v>69.35603935690294</v>
      </c>
      <c r="Y68" s="51">
        <v>0.86006341989208956</v>
      </c>
      <c r="Z68" s="268">
        <v>0.29645093274998163</v>
      </c>
      <c r="AA68" s="277">
        <v>1.5420493849944388E-2</v>
      </c>
      <c r="AB68" s="268">
        <v>0.41494752470408403</v>
      </c>
      <c r="AC68" s="277">
        <v>1.6633558727091127E-2</v>
      </c>
      <c r="AD68" s="49">
        <v>3507</v>
      </c>
      <c r="AE68" s="50">
        <v>71.939223780586431</v>
      </c>
      <c r="AF68" s="51">
        <v>0.75907590917583134</v>
      </c>
      <c r="AG68" s="268">
        <v>0.24840575209880325</v>
      </c>
      <c r="AH68" s="277">
        <v>1.4589980835254365E-2</v>
      </c>
      <c r="AI68" s="268">
        <v>0.44108522462831345</v>
      </c>
      <c r="AJ68" s="277">
        <v>1.6759289129489815E-2</v>
      </c>
      <c r="AK68" s="49">
        <v>3500</v>
      </c>
      <c r="AL68" s="50">
        <v>61.758635626394216</v>
      </c>
      <c r="AM68" s="51">
        <v>0.83583430222926502</v>
      </c>
      <c r="AN68" s="268">
        <v>0.41499130161793196</v>
      </c>
      <c r="AO68" s="277">
        <v>1.6648049325318787E-2</v>
      </c>
      <c r="AP68" s="268">
        <v>0.2584421719468955</v>
      </c>
      <c r="AQ68" s="277">
        <v>1.4796294089987715E-2</v>
      </c>
      <c r="AR68" s="49">
        <v>3508</v>
      </c>
      <c r="AS68" s="50">
        <v>63.824219254449147</v>
      </c>
      <c r="AT68" s="51">
        <v>0.84786993618243456</v>
      </c>
      <c r="AU68" s="268">
        <v>0.37955825197883186</v>
      </c>
      <c r="AV68" s="277">
        <v>1.637845445261624E-2</v>
      </c>
      <c r="AW68" s="268">
        <v>0.30303302671217563</v>
      </c>
      <c r="AX68" s="277">
        <v>1.5512957867430328E-2</v>
      </c>
    </row>
    <row r="69" spans="1:50" s="5" customFormat="1">
      <c r="A69" s="44" t="s">
        <v>533</v>
      </c>
      <c r="B69" s="69">
        <v>3136</v>
      </c>
      <c r="C69" s="70">
        <v>72.899345678420957</v>
      </c>
      <c r="D69" s="71">
        <v>0.70699997934473779</v>
      </c>
      <c r="E69" s="274">
        <v>0.22420004854367342</v>
      </c>
      <c r="F69" s="275">
        <v>1.4893595472159234E-2</v>
      </c>
      <c r="G69" s="276">
        <v>0.4408440038662379</v>
      </c>
      <c r="H69" s="275">
        <v>1.7720745271692616E-2</v>
      </c>
      <c r="I69" s="69">
        <v>3127</v>
      </c>
      <c r="J69" s="70">
        <v>68.302099256044485</v>
      </c>
      <c r="K69" s="71">
        <v>0.78780523523119383</v>
      </c>
      <c r="L69" s="274">
        <v>0.27261075570221327</v>
      </c>
      <c r="M69" s="275">
        <v>1.5921644634681566E-2</v>
      </c>
      <c r="N69" s="276">
        <v>0.34168663782052211</v>
      </c>
      <c r="O69" s="275">
        <v>1.6954327476036746E-2</v>
      </c>
      <c r="P69" s="69">
        <v>3130</v>
      </c>
      <c r="Q69" s="70">
        <v>66.837916994856386</v>
      </c>
      <c r="R69" s="71">
        <v>0.8146636281091475</v>
      </c>
      <c r="S69" s="274">
        <v>0.31408384416406721</v>
      </c>
      <c r="T69" s="275">
        <v>1.6585465781732044E-2</v>
      </c>
      <c r="U69" s="276">
        <v>0.34631402422133173</v>
      </c>
      <c r="V69" s="275">
        <v>1.7000351899307011E-2</v>
      </c>
      <c r="W69" s="69">
        <v>3121</v>
      </c>
      <c r="X69" s="70">
        <v>71.862946296919077</v>
      </c>
      <c r="Y69" s="71">
        <v>0.8399520300975819</v>
      </c>
      <c r="Z69" s="274">
        <v>0.25719740401933611</v>
      </c>
      <c r="AA69" s="275">
        <v>1.5643947235251941E-2</v>
      </c>
      <c r="AB69" s="276">
        <v>0.46305648557749196</v>
      </c>
      <c r="AC69" s="275">
        <v>1.7839772857873373E-2</v>
      </c>
      <c r="AD69" s="69">
        <v>3133</v>
      </c>
      <c r="AE69" s="70">
        <v>72.802346270134095</v>
      </c>
      <c r="AF69" s="71">
        <v>0.74780793405285484</v>
      </c>
      <c r="AG69" s="274">
        <v>0.23666560226405817</v>
      </c>
      <c r="AH69" s="275">
        <v>1.518483406755323E-2</v>
      </c>
      <c r="AI69" s="276">
        <v>0.46965165934174286</v>
      </c>
      <c r="AJ69" s="275">
        <v>1.7821461651641977E-2</v>
      </c>
      <c r="AK69" s="69">
        <v>3125</v>
      </c>
      <c r="AL69" s="70">
        <v>65.938132021161707</v>
      </c>
      <c r="AM69" s="71">
        <v>0.85024251277509211</v>
      </c>
      <c r="AN69" s="274">
        <v>0.34166207552918643</v>
      </c>
      <c r="AO69" s="275">
        <v>1.6959454220200787E-2</v>
      </c>
      <c r="AP69" s="276">
        <v>0.33094253301437193</v>
      </c>
      <c r="AQ69" s="275">
        <v>1.6827004978016487E-2</v>
      </c>
      <c r="AR69" s="69">
        <v>3126</v>
      </c>
      <c r="AS69" s="70">
        <v>65.589316967048106</v>
      </c>
      <c r="AT69" s="71">
        <v>0.89038348914453547</v>
      </c>
      <c r="AU69" s="274">
        <v>0.36067003213290705</v>
      </c>
      <c r="AV69" s="275">
        <v>1.7168093812438643E-2</v>
      </c>
      <c r="AW69" s="276">
        <v>0.33775039832920561</v>
      </c>
      <c r="AX69" s="275">
        <v>1.6909543515508767E-2</v>
      </c>
    </row>
    <row r="70" spans="1:50" s="5" customFormat="1">
      <c r="A70" s="40" t="s">
        <v>534</v>
      </c>
      <c r="B70" s="49">
        <v>2495</v>
      </c>
      <c r="C70" s="50">
        <v>76.295784960062036</v>
      </c>
      <c r="D70" s="51">
        <v>0.76469700097640714</v>
      </c>
      <c r="E70" s="268">
        <v>0.15280016546382849</v>
      </c>
      <c r="F70" s="277">
        <v>1.4416092622545616E-2</v>
      </c>
      <c r="G70" s="268">
        <v>0.5076695187552438</v>
      </c>
      <c r="H70" s="277">
        <v>2.0001655259055492E-2</v>
      </c>
      <c r="I70" s="49">
        <v>2488</v>
      </c>
      <c r="J70" s="50">
        <v>68.020482334100535</v>
      </c>
      <c r="K70" s="51">
        <v>0.88447074164991857</v>
      </c>
      <c r="L70" s="268">
        <v>0.27705522876173366</v>
      </c>
      <c r="M70" s="277">
        <v>1.7937606572522167E-2</v>
      </c>
      <c r="N70" s="268">
        <v>0.35839413797225717</v>
      </c>
      <c r="O70" s="277">
        <v>1.9214598736720254E-2</v>
      </c>
      <c r="P70" s="49">
        <v>2489</v>
      </c>
      <c r="Q70" s="50">
        <v>69.389370522691678</v>
      </c>
      <c r="R70" s="51">
        <v>0.90219613821886335</v>
      </c>
      <c r="S70" s="268">
        <v>0.26464445934622438</v>
      </c>
      <c r="T70" s="277">
        <v>1.7678566014071511E-2</v>
      </c>
      <c r="U70" s="268">
        <v>0.40078878584931482</v>
      </c>
      <c r="V70" s="277">
        <v>1.9631122717504116E-2</v>
      </c>
      <c r="W70" s="49">
        <v>2486</v>
      </c>
      <c r="X70" s="50">
        <v>74.800352369671387</v>
      </c>
      <c r="Y70" s="51">
        <v>0.92178581243534097</v>
      </c>
      <c r="Z70" s="268">
        <v>0.214425629171243</v>
      </c>
      <c r="AA70" s="277">
        <v>1.6462642877593366E-2</v>
      </c>
      <c r="AB70" s="268">
        <v>0.53191899017257538</v>
      </c>
      <c r="AC70" s="277">
        <v>1.9999375442483903E-2</v>
      </c>
      <c r="AD70" s="49">
        <v>2491</v>
      </c>
      <c r="AE70" s="50">
        <v>79.39567032264496</v>
      </c>
      <c r="AF70" s="51">
        <v>0.78395814570449451</v>
      </c>
      <c r="AG70" s="268">
        <v>0.14863845614591442</v>
      </c>
      <c r="AH70" s="277">
        <v>1.4265762406237852E-2</v>
      </c>
      <c r="AI70" s="268">
        <v>0.60203663910754424</v>
      </c>
      <c r="AJ70" s="277">
        <v>1.9600085109160781E-2</v>
      </c>
      <c r="AK70" s="49">
        <v>2489</v>
      </c>
      <c r="AL70" s="50">
        <v>70.115094662918665</v>
      </c>
      <c r="AM70" s="51">
        <v>0.92927306539005061</v>
      </c>
      <c r="AN70" s="268">
        <v>0.27868235262740354</v>
      </c>
      <c r="AO70" s="277">
        <v>1.7966209481982184E-2</v>
      </c>
      <c r="AP70" s="268">
        <v>0.40347224956566502</v>
      </c>
      <c r="AQ70" s="277">
        <v>1.965250747595694E-2</v>
      </c>
      <c r="AR70" s="49">
        <v>2486</v>
      </c>
      <c r="AS70" s="50">
        <v>68.473812235477936</v>
      </c>
      <c r="AT70" s="51">
        <v>0.98859127482156428</v>
      </c>
      <c r="AU70" s="268">
        <v>0.29838163098649373</v>
      </c>
      <c r="AV70" s="277">
        <v>1.8344342689751953E-2</v>
      </c>
      <c r="AW70" s="268">
        <v>0.39137705807508388</v>
      </c>
      <c r="AX70" s="277">
        <v>1.9563055677887131E-2</v>
      </c>
    </row>
    <row r="71" spans="1:50" s="5" customFormat="1">
      <c r="A71" s="44" t="s">
        <v>535</v>
      </c>
      <c r="B71" s="69">
        <v>484</v>
      </c>
      <c r="C71" s="70">
        <v>77.588853715981358</v>
      </c>
      <c r="D71" s="71">
        <v>1.6555320730972114</v>
      </c>
      <c r="E71" s="274">
        <v>0.14606883156074135</v>
      </c>
      <c r="F71" s="275">
        <v>3.2236049671306638E-2</v>
      </c>
      <c r="G71" s="276">
        <v>0.54030219483889552</v>
      </c>
      <c r="H71" s="275">
        <v>4.512298778849079E-2</v>
      </c>
      <c r="I71" s="69">
        <v>482</v>
      </c>
      <c r="J71" s="70">
        <v>69.525546508360563</v>
      </c>
      <c r="K71" s="71">
        <v>1.9766939644904662</v>
      </c>
      <c r="L71" s="274">
        <v>0.27054745217102794</v>
      </c>
      <c r="M71" s="275">
        <v>4.0390542365499986E-2</v>
      </c>
      <c r="N71" s="276">
        <v>0.39962692369828351</v>
      </c>
      <c r="O71" s="275">
        <v>4.4452814273529789E-2</v>
      </c>
      <c r="P71" s="69">
        <v>481</v>
      </c>
      <c r="Q71" s="70">
        <v>70.670597038866092</v>
      </c>
      <c r="R71" s="71">
        <v>1.9629422935127658</v>
      </c>
      <c r="S71" s="274">
        <v>0.25088824992036474</v>
      </c>
      <c r="T71" s="275">
        <v>3.9477278335657721E-2</v>
      </c>
      <c r="U71" s="276">
        <v>0.43081472817817018</v>
      </c>
      <c r="V71" s="275">
        <v>4.4978072718239719E-2</v>
      </c>
      <c r="W71" s="69">
        <v>481</v>
      </c>
      <c r="X71" s="70">
        <v>74.848798867201609</v>
      </c>
      <c r="Y71" s="71">
        <v>2.0599063788475096</v>
      </c>
      <c r="Z71" s="274">
        <v>0.22914068363446988</v>
      </c>
      <c r="AA71" s="275">
        <v>3.8297843172744955E-2</v>
      </c>
      <c r="AB71" s="276">
        <v>0.51542767866441663</v>
      </c>
      <c r="AC71" s="275">
        <v>4.5386395757576754E-2</v>
      </c>
      <c r="AD71" s="69">
        <v>483</v>
      </c>
      <c r="AE71" s="70">
        <v>80.08228437800463</v>
      </c>
      <c r="AF71" s="71">
        <v>1.6691092389207305</v>
      </c>
      <c r="AG71" s="274">
        <v>0.13139721314572861</v>
      </c>
      <c r="AH71" s="275">
        <v>3.0914167141971361E-2</v>
      </c>
      <c r="AI71" s="276">
        <v>0.60324969964688657</v>
      </c>
      <c r="AJ71" s="275">
        <v>4.4353804473001808E-2</v>
      </c>
      <c r="AK71" s="69">
        <v>481</v>
      </c>
      <c r="AL71" s="70">
        <v>72.990959058212511</v>
      </c>
      <c r="AM71" s="71">
        <v>1.9006991051382403</v>
      </c>
      <c r="AN71" s="274">
        <v>0.24440927734229334</v>
      </c>
      <c r="AO71" s="275">
        <v>3.9139875143197236E-2</v>
      </c>
      <c r="AP71" s="276">
        <v>0.43282405060430718</v>
      </c>
      <c r="AQ71" s="275">
        <v>4.5002773765539732E-2</v>
      </c>
      <c r="AR71" s="69">
        <v>481</v>
      </c>
      <c r="AS71" s="70">
        <v>69.225412983005185</v>
      </c>
      <c r="AT71" s="71">
        <v>2.2243440205423108</v>
      </c>
      <c r="AU71" s="274">
        <v>0.27645816024259467</v>
      </c>
      <c r="AV71" s="275">
        <v>4.0700050408065083E-2</v>
      </c>
      <c r="AW71" s="276">
        <v>0.40640698016050669</v>
      </c>
      <c r="AX71" s="275">
        <v>4.461835782636632E-2</v>
      </c>
    </row>
    <row r="72" spans="1:50" s="5" customFormat="1">
      <c r="A72" s="40" t="s">
        <v>536</v>
      </c>
      <c r="B72" s="49">
        <v>88</v>
      </c>
      <c r="C72" s="50">
        <v>77.18232592005117</v>
      </c>
      <c r="D72" s="51">
        <v>4.19478759114621</v>
      </c>
      <c r="E72" s="268">
        <v>0.15026470597389538</v>
      </c>
      <c r="F72" s="277">
        <v>7.7484941797393125E-2</v>
      </c>
      <c r="G72" s="268">
        <v>0.52271127330358846</v>
      </c>
      <c r="H72" s="277">
        <v>0.1041587574552283</v>
      </c>
      <c r="I72" s="49">
        <v>88</v>
      </c>
      <c r="J72" s="50">
        <v>71.650250021806087</v>
      </c>
      <c r="K72" s="51">
        <v>4.9471296564427698</v>
      </c>
      <c r="L72" s="268">
        <v>0.21314611571878278</v>
      </c>
      <c r="M72" s="277">
        <v>8.7156663318498209E-2</v>
      </c>
      <c r="N72" s="268">
        <v>0.34103732726586777</v>
      </c>
      <c r="O72" s="277">
        <v>9.9319514416494475E-2</v>
      </c>
      <c r="P72" s="49">
        <v>88</v>
      </c>
      <c r="Q72" s="50">
        <v>70.476588340224211</v>
      </c>
      <c r="R72" s="51">
        <v>4.4051169756333381</v>
      </c>
      <c r="S72" s="268">
        <v>0.23734252950744664</v>
      </c>
      <c r="T72" s="277">
        <v>9.01399101298518E-2</v>
      </c>
      <c r="U72" s="268">
        <v>0.36596845553299701</v>
      </c>
      <c r="V72" s="277">
        <v>0.10077174214203738</v>
      </c>
      <c r="W72" s="49">
        <v>88</v>
      </c>
      <c r="X72" s="50">
        <v>73.237910032231994</v>
      </c>
      <c r="Y72" s="51">
        <v>5.0784041363643757</v>
      </c>
      <c r="Z72" s="268">
        <v>0.26735611824593752</v>
      </c>
      <c r="AA72" s="277">
        <v>9.3362518116176477E-2</v>
      </c>
      <c r="AB72" s="268">
        <v>0.40124587433211745</v>
      </c>
      <c r="AC72" s="277">
        <v>0.10237977466267134</v>
      </c>
      <c r="AD72" s="49">
        <v>88</v>
      </c>
      <c r="AE72" s="50">
        <v>83.913706313050909</v>
      </c>
      <c r="AF72" s="51">
        <v>3.2475043852345156</v>
      </c>
      <c r="AG72" s="268">
        <v>7.6594737187177894E-2</v>
      </c>
      <c r="AH72" s="277">
        <v>6.1140595611229552E-2</v>
      </c>
      <c r="AI72" s="268">
        <v>0.67245826304286505</v>
      </c>
      <c r="AJ72" s="277">
        <v>9.8419725127829219E-2</v>
      </c>
      <c r="AK72" s="49">
        <v>87</v>
      </c>
      <c r="AL72" s="50">
        <v>75.857780436344896</v>
      </c>
      <c r="AM72" s="51">
        <v>4.328804161913359</v>
      </c>
      <c r="AN72" s="268">
        <v>0.21217533341705253</v>
      </c>
      <c r="AO72" s="277">
        <v>8.7525142879757184E-2</v>
      </c>
      <c r="AP72" s="268">
        <v>0.49608495717039469</v>
      </c>
      <c r="AQ72" s="277">
        <v>0.10482554640036618</v>
      </c>
      <c r="AR72" s="49">
        <v>88</v>
      </c>
      <c r="AS72" s="50">
        <v>68.469394894621288</v>
      </c>
      <c r="AT72" s="51">
        <v>5.1163180454749604</v>
      </c>
      <c r="AU72" s="268">
        <v>0.33194309547166112</v>
      </c>
      <c r="AV72" s="277">
        <v>9.8722142123753839E-2</v>
      </c>
      <c r="AW72" s="268">
        <v>0.40264305151531454</v>
      </c>
      <c r="AX72" s="277">
        <v>0.10243299264821369</v>
      </c>
    </row>
    <row r="73" spans="1:50" s="5" customFormat="1">
      <c r="A73" s="44" t="s">
        <v>537</v>
      </c>
      <c r="B73" s="69">
        <v>137</v>
      </c>
      <c r="C73" s="70">
        <v>74.247814896684588</v>
      </c>
      <c r="D73" s="71">
        <v>3.4088243713431892</v>
      </c>
      <c r="E73" s="274">
        <v>0.22615026602197599</v>
      </c>
      <c r="F73" s="275">
        <v>7.1300170498626594E-2</v>
      </c>
      <c r="G73" s="276">
        <v>0.53684724944811468</v>
      </c>
      <c r="H73" s="275">
        <v>8.3999024188506841E-2</v>
      </c>
      <c r="I73" s="69">
        <v>135</v>
      </c>
      <c r="J73" s="70">
        <v>67.129479452220792</v>
      </c>
      <c r="K73" s="71">
        <v>3.8333743683027559</v>
      </c>
      <c r="L73" s="274">
        <v>0.29663734499020389</v>
      </c>
      <c r="M73" s="275">
        <v>7.792075026617401E-2</v>
      </c>
      <c r="N73" s="276">
        <v>0.39332533359108418</v>
      </c>
      <c r="O73" s="275">
        <v>8.2978028883207891E-2</v>
      </c>
      <c r="P73" s="69">
        <v>136</v>
      </c>
      <c r="Q73" s="70">
        <v>69.883680901193642</v>
      </c>
      <c r="R73" s="71">
        <v>3.8144403758957379</v>
      </c>
      <c r="S73" s="274">
        <v>0.27567289083427599</v>
      </c>
      <c r="T73" s="275">
        <v>7.606610818162593E-2</v>
      </c>
      <c r="U73" s="276">
        <v>0.48344752392266716</v>
      </c>
      <c r="V73" s="275">
        <v>8.4471710924854171E-2</v>
      </c>
      <c r="W73" s="69">
        <v>137</v>
      </c>
      <c r="X73" s="70">
        <v>76.046709240522816</v>
      </c>
      <c r="Y73" s="71">
        <v>3.9255598935785478</v>
      </c>
      <c r="Z73" s="274">
        <v>0.20334201549666417</v>
      </c>
      <c r="AA73" s="275">
        <v>6.8812925552937734E-2</v>
      </c>
      <c r="AB73" s="276">
        <v>0.60053688658464177</v>
      </c>
      <c r="AC73" s="275">
        <v>8.2592339808277251E-2</v>
      </c>
      <c r="AD73" s="69">
        <v>137</v>
      </c>
      <c r="AE73" s="70">
        <v>81.608877180575377</v>
      </c>
      <c r="AF73" s="71">
        <v>3.0759887356102587</v>
      </c>
      <c r="AG73" s="274">
        <v>0.11396581496217101</v>
      </c>
      <c r="AH73" s="275">
        <v>5.5687284835265291E-2</v>
      </c>
      <c r="AI73" s="276">
        <v>0.65645780502863982</v>
      </c>
      <c r="AJ73" s="275">
        <v>8.0228421550661094E-2</v>
      </c>
      <c r="AK73" s="69">
        <v>137</v>
      </c>
      <c r="AL73" s="70">
        <v>73.181008670479997</v>
      </c>
      <c r="AM73" s="71">
        <v>3.6329333308514284</v>
      </c>
      <c r="AN73" s="274">
        <v>0.24859660040272741</v>
      </c>
      <c r="AO73" s="275">
        <v>7.3481119083459917E-2</v>
      </c>
      <c r="AP73" s="276">
        <v>0.44092743743112095</v>
      </c>
      <c r="AQ73" s="275">
        <v>8.3658477230488207E-2</v>
      </c>
      <c r="AR73" s="69">
        <v>136</v>
      </c>
      <c r="AS73" s="70">
        <v>68.259966927933476</v>
      </c>
      <c r="AT73" s="71">
        <v>4.2558239149792723</v>
      </c>
      <c r="AU73" s="274">
        <v>0.28877616556411972</v>
      </c>
      <c r="AV73" s="275">
        <v>7.7070937371547646E-2</v>
      </c>
      <c r="AW73" s="276">
        <v>0.40130334654902478</v>
      </c>
      <c r="AX73" s="275">
        <v>8.2947082784905424E-2</v>
      </c>
    </row>
    <row r="74" spans="1:50" s="5" customFormat="1">
      <c r="A74" s="40" t="s">
        <v>538</v>
      </c>
      <c r="B74" s="49">
        <v>107</v>
      </c>
      <c r="C74" s="50">
        <v>76.25187704289705</v>
      </c>
      <c r="D74" s="51">
        <v>3.5511623124988403</v>
      </c>
      <c r="E74" s="268">
        <v>0.16338268686630858</v>
      </c>
      <c r="F74" s="277">
        <v>7.2212951624573099E-2</v>
      </c>
      <c r="G74" s="268">
        <v>0.52484366551887363</v>
      </c>
      <c r="H74" s="277">
        <v>9.4806863745746567E-2</v>
      </c>
      <c r="I74" s="49">
        <v>108</v>
      </c>
      <c r="J74" s="50">
        <v>68.293077576431003</v>
      </c>
      <c r="K74" s="51">
        <v>4.0061794292022626</v>
      </c>
      <c r="L74" s="268">
        <v>0.32931339812595967</v>
      </c>
      <c r="M74" s="277">
        <v>8.9224819844854864E-2</v>
      </c>
      <c r="N74" s="268">
        <v>0.42616736104942354</v>
      </c>
      <c r="O74" s="277">
        <v>9.352829287404249E-2</v>
      </c>
      <c r="P74" s="49">
        <v>106</v>
      </c>
      <c r="Q74" s="50">
        <v>69.720167528009299</v>
      </c>
      <c r="R74" s="51">
        <v>4.16388536938853</v>
      </c>
      <c r="S74" s="268">
        <v>0.25063231795121171</v>
      </c>
      <c r="T74" s="277">
        <v>8.3612966001460773E-2</v>
      </c>
      <c r="U74" s="268">
        <v>0.44071625963698358</v>
      </c>
      <c r="V74" s="277">
        <v>9.4721869467456254E-2</v>
      </c>
      <c r="W74" s="49">
        <v>107</v>
      </c>
      <c r="X74" s="50">
        <v>71.286325839116316</v>
      </c>
      <c r="Y74" s="51">
        <v>4.3713034562392101</v>
      </c>
      <c r="Z74" s="268">
        <v>0.28536491421263604</v>
      </c>
      <c r="AA74" s="277">
        <v>8.6408247025370713E-2</v>
      </c>
      <c r="AB74" s="268">
        <v>0.48970953172364706</v>
      </c>
      <c r="AC74" s="277">
        <v>9.4897118446184772E-2</v>
      </c>
      <c r="AD74" s="49">
        <v>107</v>
      </c>
      <c r="AE74" s="50">
        <v>81.491428761902895</v>
      </c>
      <c r="AF74" s="51">
        <v>3.1787012589287613</v>
      </c>
      <c r="AG74" s="268">
        <v>0.13651012189887987</v>
      </c>
      <c r="AH74" s="277">
        <v>6.7710578139600075E-2</v>
      </c>
      <c r="AI74" s="268">
        <v>0.62289347226721381</v>
      </c>
      <c r="AJ74" s="277">
        <v>9.2213241417146194E-2</v>
      </c>
      <c r="AK74" s="49">
        <v>107</v>
      </c>
      <c r="AL74" s="50">
        <v>72.219056517471145</v>
      </c>
      <c r="AM74" s="51">
        <v>4.3309457304793391</v>
      </c>
      <c r="AN74" s="268">
        <v>0.27071377596762314</v>
      </c>
      <c r="AO74" s="277">
        <v>8.5138687677419583E-2</v>
      </c>
      <c r="AP74" s="268">
        <v>0.4671079242738182</v>
      </c>
      <c r="AQ74" s="277">
        <v>9.4724765899759769E-2</v>
      </c>
      <c r="AR74" s="49">
        <v>107</v>
      </c>
      <c r="AS74" s="50">
        <v>71.191659271287293</v>
      </c>
      <c r="AT74" s="51">
        <v>4.4877982716061862</v>
      </c>
      <c r="AU74" s="268">
        <v>0.25939641814380332</v>
      </c>
      <c r="AV74" s="277">
        <v>8.4086398906772317E-2</v>
      </c>
      <c r="AW74" s="268">
        <v>0.48076017277482264</v>
      </c>
      <c r="AX74" s="277">
        <v>9.4850480218073102E-2</v>
      </c>
    </row>
    <row r="75" spans="1:50" s="5" customFormat="1">
      <c r="A75" s="44" t="s">
        <v>539</v>
      </c>
      <c r="B75" s="69">
        <v>152</v>
      </c>
      <c r="C75" s="70">
        <v>80.46260388235055</v>
      </c>
      <c r="D75" s="71">
        <v>2.4394674079833902</v>
      </c>
      <c r="E75" s="274">
        <v>8.6810341820582143E-2</v>
      </c>
      <c r="F75" s="275">
        <v>4.7479340840654236E-2</v>
      </c>
      <c r="G75" s="276">
        <v>0.55722212961669126</v>
      </c>
      <c r="H75" s="275">
        <v>7.9564744096917828E-2</v>
      </c>
      <c r="I75" s="69">
        <v>151</v>
      </c>
      <c r="J75" s="70">
        <v>70.756934465122072</v>
      </c>
      <c r="K75" s="71">
        <v>3.3952850773990852</v>
      </c>
      <c r="L75" s="274">
        <v>0.24765697698998312</v>
      </c>
      <c r="M75" s="275">
        <v>6.9943229787325825E-2</v>
      </c>
      <c r="N75" s="276">
        <v>0.41346160581415603</v>
      </c>
      <c r="O75" s="275">
        <v>7.9171947210927629E-2</v>
      </c>
      <c r="P75" s="69">
        <v>151</v>
      </c>
      <c r="Q75" s="70">
        <v>71.697551033100936</v>
      </c>
      <c r="R75" s="71">
        <v>3.4700141984903974</v>
      </c>
      <c r="S75" s="274">
        <v>0.24144936015651564</v>
      </c>
      <c r="T75" s="275">
        <v>6.9385745326141238E-2</v>
      </c>
      <c r="U75" s="276">
        <v>0.42009997219989204</v>
      </c>
      <c r="V75" s="275">
        <v>7.9342659313890632E-2</v>
      </c>
      <c r="W75" s="69">
        <v>149</v>
      </c>
      <c r="X75" s="70">
        <v>76.587077250459927</v>
      </c>
      <c r="Y75" s="71">
        <v>3.523580112758542</v>
      </c>
      <c r="Z75" s="274">
        <v>0.20077138825284874</v>
      </c>
      <c r="AA75" s="275">
        <v>6.569542559235178E-2</v>
      </c>
      <c r="AB75" s="276">
        <v>0.52226883976417871</v>
      </c>
      <c r="AC75" s="275">
        <v>8.0769127814694058E-2</v>
      </c>
      <c r="AD75" s="69">
        <v>151</v>
      </c>
      <c r="AE75" s="70">
        <v>76.884731635609683</v>
      </c>
      <c r="AF75" s="71">
        <v>3.4266969491375945</v>
      </c>
      <c r="AG75" s="274">
        <v>0.16163972034944835</v>
      </c>
      <c r="AH75" s="275">
        <v>6.0395495868580756E-2</v>
      </c>
      <c r="AI75" s="276">
        <v>0.5326704994235808</v>
      </c>
      <c r="AJ75" s="275">
        <v>8.0159038250137912E-2</v>
      </c>
      <c r="AK75" s="69">
        <v>150</v>
      </c>
      <c r="AL75" s="70">
        <v>72.126646850432039</v>
      </c>
      <c r="AM75" s="71">
        <v>3.2255858081343285</v>
      </c>
      <c r="AN75" s="274">
        <v>0.24126175384559206</v>
      </c>
      <c r="AO75" s="275">
        <v>6.9597552293329437E-2</v>
      </c>
      <c r="AP75" s="276">
        <v>0.3852513120046816</v>
      </c>
      <c r="AQ75" s="275">
        <v>7.8543208207729434E-2</v>
      </c>
      <c r="AR75" s="69">
        <v>150</v>
      </c>
      <c r="AS75" s="70">
        <v>69.124276794712969</v>
      </c>
      <c r="AT75" s="71">
        <v>4.0646186537873259</v>
      </c>
      <c r="AU75" s="274">
        <v>0.25508878274603097</v>
      </c>
      <c r="AV75" s="275">
        <v>7.0819681658470288E-2</v>
      </c>
      <c r="AW75" s="276">
        <v>0.37326654563147016</v>
      </c>
      <c r="AX75" s="275">
        <v>7.8087887971815304E-2</v>
      </c>
    </row>
    <row r="76" spans="1:50" s="5" customFormat="1">
      <c r="A76" s="40" t="s">
        <v>540</v>
      </c>
      <c r="B76" s="66">
        <v>336</v>
      </c>
      <c r="C76" s="67">
        <v>77.177133802183931</v>
      </c>
      <c r="D76" s="68">
        <v>2.0722507271769111</v>
      </c>
      <c r="E76" s="271">
        <v>0.13581450749519777</v>
      </c>
      <c r="F76" s="272">
        <v>3.7647170182750274E-2</v>
      </c>
      <c r="G76" s="273">
        <v>0.54310758010096205</v>
      </c>
      <c r="H76" s="272">
        <v>5.4035413571309886E-2</v>
      </c>
      <c r="I76" s="66">
        <v>338</v>
      </c>
      <c r="J76" s="67">
        <v>67.759629213094897</v>
      </c>
      <c r="K76" s="68">
        <v>2.524514046224287</v>
      </c>
      <c r="L76" s="271">
        <v>0.28553809878327646</v>
      </c>
      <c r="M76" s="272">
        <v>4.8974952673676464E-2</v>
      </c>
      <c r="N76" s="273">
        <v>0.35852899013378176</v>
      </c>
      <c r="O76" s="272">
        <v>5.1916642634096413E-2</v>
      </c>
      <c r="P76" s="66">
        <v>339</v>
      </c>
      <c r="Q76" s="67">
        <v>69.582740476681067</v>
      </c>
      <c r="R76" s="68">
        <v>2.5055342029848799</v>
      </c>
      <c r="S76" s="271">
        <v>0.28929581117350756</v>
      </c>
      <c r="T76" s="272">
        <v>4.9088863099031134E-2</v>
      </c>
      <c r="U76" s="273">
        <v>0.40138399370641636</v>
      </c>
      <c r="V76" s="272">
        <v>5.2959127822160029E-2</v>
      </c>
      <c r="W76" s="66">
        <v>339</v>
      </c>
      <c r="X76" s="67">
        <v>75.051589860252292</v>
      </c>
      <c r="Y76" s="68">
        <v>2.6213483623103935</v>
      </c>
      <c r="Z76" s="271">
        <v>0.20657458800482206</v>
      </c>
      <c r="AA76" s="272">
        <v>4.3984882909691471E-2</v>
      </c>
      <c r="AB76" s="273">
        <v>0.54604987967852203</v>
      </c>
      <c r="AC76" s="272">
        <v>5.3770767096071773E-2</v>
      </c>
      <c r="AD76" s="66">
        <v>338</v>
      </c>
      <c r="AE76" s="67">
        <v>80.521528155065866</v>
      </c>
      <c r="AF76" s="68">
        <v>2.2130742600607896</v>
      </c>
      <c r="AG76" s="271">
        <v>0.1298515244042466</v>
      </c>
      <c r="AH76" s="272">
        <v>3.6861725764590417E-2</v>
      </c>
      <c r="AI76" s="273">
        <v>0.63472517832188169</v>
      </c>
      <c r="AJ76" s="272">
        <v>5.2121229046618714E-2</v>
      </c>
      <c r="AK76" s="66">
        <v>338</v>
      </c>
      <c r="AL76" s="67">
        <v>69.164477860171246</v>
      </c>
      <c r="AM76" s="68">
        <v>2.6948624582964662</v>
      </c>
      <c r="AN76" s="271">
        <v>0.29519271750017639</v>
      </c>
      <c r="AO76" s="272">
        <v>4.9444804430360201E-2</v>
      </c>
      <c r="AP76" s="273">
        <v>0.40211986291950935</v>
      </c>
      <c r="AQ76" s="272">
        <v>5.3052139636948784E-2</v>
      </c>
      <c r="AR76" s="66">
        <v>336</v>
      </c>
      <c r="AS76" s="67">
        <v>70.715767911233456</v>
      </c>
      <c r="AT76" s="68">
        <v>2.6222974368727741</v>
      </c>
      <c r="AU76" s="271">
        <v>0.25984133840974272</v>
      </c>
      <c r="AV76" s="272">
        <v>4.7733687827009666E-2</v>
      </c>
      <c r="AW76" s="273">
        <v>0.43638194858397195</v>
      </c>
      <c r="AX76" s="272">
        <v>5.3802188116888229E-2</v>
      </c>
    </row>
    <row r="77" spans="1:50">
      <c r="A77" s="44" t="s">
        <v>541</v>
      </c>
      <c r="B77" s="69">
        <v>111</v>
      </c>
      <c r="C77" s="70">
        <v>77.12110518931955</v>
      </c>
      <c r="D77" s="71">
        <v>3.8201075508586992</v>
      </c>
      <c r="E77" s="274">
        <v>0.1167046642445449</v>
      </c>
      <c r="F77" s="275">
        <v>6.2728438551084301E-2</v>
      </c>
      <c r="G77" s="276">
        <v>0.57377893098146249</v>
      </c>
      <c r="H77" s="275">
        <v>9.2299842257097336E-2</v>
      </c>
      <c r="I77" s="69">
        <v>112</v>
      </c>
      <c r="J77" s="70">
        <v>70.615967097225536</v>
      </c>
      <c r="K77" s="71">
        <v>4.6944896236520295</v>
      </c>
      <c r="L77" s="274">
        <v>0.21758067512300716</v>
      </c>
      <c r="M77" s="275">
        <v>7.7825007253857673E-2</v>
      </c>
      <c r="N77" s="276">
        <v>0.44661485473725748</v>
      </c>
      <c r="O77" s="275">
        <v>9.2352993601278618E-2</v>
      </c>
      <c r="P77" s="69">
        <v>113</v>
      </c>
      <c r="Q77" s="70">
        <v>73.563045434350016</v>
      </c>
      <c r="R77" s="71">
        <v>3.8802975136885123</v>
      </c>
      <c r="S77" s="274">
        <v>0.22991963335092724</v>
      </c>
      <c r="T77" s="275">
        <v>7.8872161181960027E-2</v>
      </c>
      <c r="U77" s="276">
        <v>0.49399884675434386</v>
      </c>
      <c r="V77" s="275">
        <v>9.2443821064567555E-2</v>
      </c>
      <c r="W77" s="69">
        <v>112</v>
      </c>
      <c r="X77" s="70">
        <v>74.916166568531693</v>
      </c>
      <c r="Y77" s="71">
        <v>4.4129769731742039</v>
      </c>
      <c r="Z77" s="274">
        <v>0.23063675800136782</v>
      </c>
      <c r="AA77" s="275">
        <v>7.9298882485104E-2</v>
      </c>
      <c r="AB77" s="276">
        <v>0.52519789568088182</v>
      </c>
      <c r="AC77" s="275">
        <v>9.2737690813713983E-2</v>
      </c>
      <c r="AD77" s="69">
        <v>112</v>
      </c>
      <c r="AE77" s="70">
        <v>82.60094098567761</v>
      </c>
      <c r="AF77" s="71">
        <v>3.4073119490983603</v>
      </c>
      <c r="AG77" s="274">
        <v>9.0634045725383666E-2</v>
      </c>
      <c r="AH77" s="275">
        <v>5.6865699896466122E-2</v>
      </c>
      <c r="AI77" s="276">
        <v>0.69750715452988832</v>
      </c>
      <c r="AJ77" s="275">
        <v>8.5829586744683717E-2</v>
      </c>
      <c r="AK77" s="69">
        <v>112</v>
      </c>
      <c r="AL77" s="70">
        <v>66.954353510396203</v>
      </c>
      <c r="AM77" s="71">
        <v>4.7761187076861811</v>
      </c>
      <c r="AN77" s="274">
        <v>0.34411493023428308</v>
      </c>
      <c r="AO77" s="275">
        <v>8.8541208684336792E-2</v>
      </c>
      <c r="AP77" s="276">
        <v>0.40564570908900172</v>
      </c>
      <c r="AQ77" s="275">
        <v>9.1293513655256689E-2</v>
      </c>
      <c r="AR77" s="69">
        <v>112</v>
      </c>
      <c r="AS77" s="70">
        <v>72.261950399994063</v>
      </c>
      <c r="AT77" s="71">
        <v>4.321591298509305</v>
      </c>
      <c r="AU77" s="274">
        <v>0.2350948320653094</v>
      </c>
      <c r="AV77" s="275">
        <v>7.9780182433289576E-2</v>
      </c>
      <c r="AW77" s="276">
        <v>0.42991410168845123</v>
      </c>
      <c r="AX77" s="275">
        <v>9.199341937839256E-2</v>
      </c>
    </row>
    <row r="78" spans="1:50">
      <c r="A78" s="40" t="s">
        <v>542</v>
      </c>
      <c r="B78" s="49">
        <v>94</v>
      </c>
      <c r="C78" s="50">
        <v>79.76577286669341</v>
      </c>
      <c r="D78" s="51">
        <v>3.7164613667851332</v>
      </c>
      <c r="E78" s="268">
        <v>9.5724552064207685E-2</v>
      </c>
      <c r="F78" s="277">
        <v>6.3769677246513889E-2</v>
      </c>
      <c r="G78" s="268">
        <v>0.53821140654625133</v>
      </c>
      <c r="H78" s="277">
        <v>0.10074349094016276</v>
      </c>
      <c r="I78" s="49">
        <v>94</v>
      </c>
      <c r="J78" s="50">
        <v>66.496083034195635</v>
      </c>
      <c r="K78" s="51">
        <v>4.6583875454470913</v>
      </c>
      <c r="L78" s="268">
        <v>0.330500158413429</v>
      </c>
      <c r="M78" s="277">
        <v>9.5525883260605543E-2</v>
      </c>
      <c r="N78" s="268">
        <v>0.29842844690440917</v>
      </c>
      <c r="O78" s="277">
        <v>9.3157326321024678E-2</v>
      </c>
      <c r="P78" s="49">
        <v>95</v>
      </c>
      <c r="Q78" s="50">
        <v>69.528419575196665</v>
      </c>
      <c r="R78" s="51">
        <v>4.365469584247311</v>
      </c>
      <c r="S78" s="268">
        <v>0.31760171600596421</v>
      </c>
      <c r="T78" s="277">
        <v>9.4144734791872783E-2</v>
      </c>
      <c r="U78" s="268">
        <v>0.34851389579341374</v>
      </c>
      <c r="V78" s="277">
        <v>9.6162506589198171E-2</v>
      </c>
      <c r="W78" s="49">
        <v>95</v>
      </c>
      <c r="X78" s="50">
        <v>76.713310204133492</v>
      </c>
      <c r="Y78" s="51">
        <v>4.8264207820487055</v>
      </c>
      <c r="Z78" s="268">
        <v>0.18226933502066128</v>
      </c>
      <c r="AA78" s="277">
        <v>7.9655881234790685E-2</v>
      </c>
      <c r="AB78" s="268">
        <v>0.54582190892288596</v>
      </c>
      <c r="AC78" s="277">
        <v>0.10011439789661106</v>
      </c>
      <c r="AD78" s="49">
        <v>94</v>
      </c>
      <c r="AE78" s="50">
        <v>80.966593905516234</v>
      </c>
      <c r="AF78" s="51">
        <v>4.1837238915637265</v>
      </c>
      <c r="AG78" s="268">
        <v>0.10648909752082777</v>
      </c>
      <c r="AH78" s="277">
        <v>6.6250013943807473E-2</v>
      </c>
      <c r="AI78" s="268">
        <v>0.61602300096407614</v>
      </c>
      <c r="AJ78" s="277">
        <v>9.8481350490409972E-2</v>
      </c>
      <c r="AK78" s="49">
        <v>94</v>
      </c>
      <c r="AL78" s="50">
        <v>70.573818291954154</v>
      </c>
      <c r="AM78" s="51">
        <v>5.0141758982964229</v>
      </c>
      <c r="AN78" s="268">
        <v>0.23246887640852359</v>
      </c>
      <c r="AO78" s="277">
        <v>8.6696878767662688E-2</v>
      </c>
      <c r="AP78" s="268">
        <v>0.38043913933444479</v>
      </c>
      <c r="AQ78" s="277">
        <v>9.832231632712217E-2</v>
      </c>
      <c r="AR78" s="49">
        <v>94</v>
      </c>
      <c r="AS78" s="50">
        <v>73.462172492773547</v>
      </c>
      <c r="AT78" s="51">
        <v>4.8130260684977371</v>
      </c>
      <c r="AU78" s="268">
        <v>0.2170177399927006</v>
      </c>
      <c r="AV78" s="277">
        <v>8.4834698593268767E-2</v>
      </c>
      <c r="AW78" s="268">
        <v>0.48755564379679228</v>
      </c>
      <c r="AX78" s="277">
        <v>0.10098646540934328</v>
      </c>
    </row>
    <row r="79" spans="1:50">
      <c r="A79" s="44" t="s">
        <v>543</v>
      </c>
      <c r="B79" s="69">
        <v>76</v>
      </c>
      <c r="C79" s="70">
        <v>73.487909990230364</v>
      </c>
      <c r="D79" s="71">
        <v>4.449925171437636</v>
      </c>
      <c r="E79" s="274">
        <v>0.21061005838285557</v>
      </c>
      <c r="F79" s="275">
        <v>9.3385959644897959E-2</v>
      </c>
      <c r="G79" s="276">
        <v>0.43249862966451202</v>
      </c>
      <c r="H79" s="275">
        <v>0.11088007427285014</v>
      </c>
      <c r="I79" s="69">
        <v>77</v>
      </c>
      <c r="J79" s="70">
        <v>65.74071454812487</v>
      </c>
      <c r="K79" s="71">
        <v>5.4664129590992694</v>
      </c>
      <c r="L79" s="274">
        <v>0.30339339781733704</v>
      </c>
      <c r="M79" s="275">
        <v>0.10305680426683915</v>
      </c>
      <c r="N79" s="276">
        <v>0.32035732030594061</v>
      </c>
      <c r="O79" s="275">
        <v>0.1044295773249214</v>
      </c>
      <c r="P79" s="69">
        <v>76</v>
      </c>
      <c r="Q79" s="70">
        <v>60.816617574241157</v>
      </c>
      <c r="R79" s="71">
        <v>6.6556717689662408</v>
      </c>
      <c r="S79" s="274">
        <v>0.40261120127074201</v>
      </c>
      <c r="T79" s="275">
        <v>0.10987269184118728</v>
      </c>
      <c r="U79" s="276">
        <v>0.29190264555451911</v>
      </c>
      <c r="V79" s="275">
        <v>0.10269315476047922</v>
      </c>
      <c r="W79" s="69">
        <v>77</v>
      </c>
      <c r="X79" s="70">
        <v>69.659796897054562</v>
      </c>
      <c r="Y79" s="71">
        <v>6.704580685983176</v>
      </c>
      <c r="Z79" s="274">
        <v>0.28871283506702344</v>
      </c>
      <c r="AA79" s="275">
        <v>0.10175205391859364</v>
      </c>
      <c r="AB79" s="276">
        <v>0.56437429155812702</v>
      </c>
      <c r="AC79" s="275">
        <v>0.11027577854785657</v>
      </c>
      <c r="AD79" s="69">
        <v>77</v>
      </c>
      <c r="AE79" s="70">
        <v>74.15371394173745</v>
      </c>
      <c r="AF79" s="71">
        <v>5.5144498388137855</v>
      </c>
      <c r="AG79" s="274">
        <v>0.23313921159690257</v>
      </c>
      <c r="AH79" s="275">
        <v>9.574792017840833E-2</v>
      </c>
      <c r="AI79" s="276">
        <v>0.53895341797279595</v>
      </c>
      <c r="AJ79" s="275">
        <v>0.11080597979925252</v>
      </c>
      <c r="AK79" s="69">
        <v>77</v>
      </c>
      <c r="AL79" s="70">
        <v>66.192721016355762</v>
      </c>
      <c r="AM79" s="71">
        <v>5.7661221451944131</v>
      </c>
      <c r="AN79" s="274">
        <v>0.38891222903825989</v>
      </c>
      <c r="AO79" s="275">
        <v>0.1086046692210825</v>
      </c>
      <c r="AP79" s="276">
        <v>0.39795397414120304</v>
      </c>
      <c r="AQ79" s="275">
        <v>0.10899987474510109</v>
      </c>
      <c r="AR79" s="69">
        <v>75</v>
      </c>
      <c r="AS79" s="70">
        <v>61.991047449079453</v>
      </c>
      <c r="AT79" s="71">
        <v>6.5267613792831494</v>
      </c>
      <c r="AU79" s="274">
        <v>0.39902069458285888</v>
      </c>
      <c r="AV79" s="275">
        <v>0.110421431545197</v>
      </c>
      <c r="AW79" s="276">
        <v>0.36774120946009908</v>
      </c>
      <c r="AX79" s="275">
        <v>0.10890342912059506</v>
      </c>
    </row>
    <row r="80" spans="1:50">
      <c r="A80" s="52" t="s">
        <v>544</v>
      </c>
      <c r="B80" s="66">
        <v>55</v>
      </c>
      <c r="C80" s="67">
        <v>77.810609422497436</v>
      </c>
      <c r="D80" s="68">
        <v>4.8070359268684344</v>
      </c>
      <c r="E80" s="271">
        <v>0.14091462787252271</v>
      </c>
      <c r="F80" s="272">
        <v>9.6708098253877522E-2</v>
      </c>
      <c r="G80" s="273">
        <v>0.69551474158980087</v>
      </c>
      <c r="H80" s="272">
        <v>0.121231386237541</v>
      </c>
      <c r="I80" s="66">
        <v>55</v>
      </c>
      <c r="J80" s="67">
        <v>67.842010122865133</v>
      </c>
      <c r="K80" s="68">
        <v>5.3767230918666051</v>
      </c>
      <c r="L80" s="271">
        <v>0.30459287767379567</v>
      </c>
      <c r="M80" s="272">
        <v>0.12124160847430829</v>
      </c>
      <c r="N80" s="273">
        <v>0.36814850121092396</v>
      </c>
      <c r="O80" s="272">
        <v>0.12619396919535772</v>
      </c>
      <c r="P80" s="66">
        <v>55</v>
      </c>
      <c r="Q80" s="67">
        <v>76.696657611203804</v>
      </c>
      <c r="R80" s="68">
        <v>5.3426733056412079</v>
      </c>
      <c r="S80" s="271">
        <v>0.14523301196705993</v>
      </c>
      <c r="T80" s="272">
        <v>9.7642584539265387E-2</v>
      </c>
      <c r="U80" s="273">
        <v>0.51786915997732708</v>
      </c>
      <c r="V80" s="272">
        <v>0.13011664162608375</v>
      </c>
      <c r="W80" s="66">
        <v>55</v>
      </c>
      <c r="X80" s="67">
        <v>81.669277915073806</v>
      </c>
      <c r="Y80" s="68">
        <v>4.169962155062759</v>
      </c>
      <c r="Z80" s="271">
        <v>4.8045429782602823E-2</v>
      </c>
      <c r="AA80" s="272">
        <v>7.010639143965626E-2</v>
      </c>
      <c r="AB80" s="273">
        <v>0.56273493504825178</v>
      </c>
      <c r="AC80" s="272">
        <v>0.12929532311061731</v>
      </c>
      <c r="AD80" s="66">
        <v>55</v>
      </c>
      <c r="AE80" s="67">
        <v>86.710293911744671</v>
      </c>
      <c r="AF80" s="68">
        <v>4.6895041416531642</v>
      </c>
      <c r="AG80" s="271">
        <v>8.4936306636215472E-2</v>
      </c>
      <c r="AH80" s="272">
        <v>8.2457996276710591E-2</v>
      </c>
      <c r="AI80" s="273">
        <v>0.71446403919076407</v>
      </c>
      <c r="AJ80" s="272">
        <v>0.1193287305418326</v>
      </c>
      <c r="AK80" s="66">
        <v>55</v>
      </c>
      <c r="AL80" s="67">
        <v>76.917122393870926</v>
      </c>
      <c r="AM80" s="68">
        <v>6.3044999716278758</v>
      </c>
      <c r="AN80" s="271">
        <v>0.15001645527907148</v>
      </c>
      <c r="AO80" s="272">
        <v>9.8654377842656946E-2</v>
      </c>
      <c r="AP80" s="273">
        <v>0.45753591469968463</v>
      </c>
      <c r="AQ80" s="272">
        <v>0.1297802614252706</v>
      </c>
      <c r="AR80" s="66">
        <v>55</v>
      </c>
      <c r="AS80" s="67">
        <v>76.537607412318877</v>
      </c>
      <c r="AT80" s="68">
        <v>5.1001840091161608</v>
      </c>
      <c r="AU80" s="271">
        <v>0.16461993841700406</v>
      </c>
      <c r="AV80" s="272">
        <v>0.1015989826396554</v>
      </c>
      <c r="AW80" s="273">
        <v>0.4524525827861009</v>
      </c>
      <c r="AX80" s="272">
        <v>0.12967636250088169</v>
      </c>
    </row>
    <row r="81" spans="1:50">
      <c r="A81" s="44" t="s">
        <v>545</v>
      </c>
      <c r="B81" s="69">
        <v>633</v>
      </c>
      <c r="C81" s="70">
        <v>75.63336579233578</v>
      </c>
      <c r="D81" s="71">
        <v>1.5140563741900066</v>
      </c>
      <c r="E81" s="274">
        <v>0.16690927764561564</v>
      </c>
      <c r="F81" s="275">
        <v>2.9696486134074156E-2</v>
      </c>
      <c r="G81" s="276">
        <v>0.48613771813700363</v>
      </c>
      <c r="H81" s="275">
        <v>3.9606402833988377E-2</v>
      </c>
      <c r="I81" s="69">
        <v>630</v>
      </c>
      <c r="J81" s="70">
        <v>69.465918475889268</v>
      </c>
      <c r="K81" s="71">
        <v>1.7007344319094604</v>
      </c>
      <c r="L81" s="274">
        <v>0.24952918656910822</v>
      </c>
      <c r="M81" s="275">
        <v>3.4444990310973929E-2</v>
      </c>
      <c r="N81" s="276">
        <v>0.35834757539116974</v>
      </c>
      <c r="O81" s="275">
        <v>3.8108841566446013E-2</v>
      </c>
      <c r="P81" s="69">
        <v>630</v>
      </c>
      <c r="Q81" s="70">
        <v>68.645854715522844</v>
      </c>
      <c r="R81" s="71">
        <v>1.8518815109772342</v>
      </c>
      <c r="S81" s="274">
        <v>0.27063857095617477</v>
      </c>
      <c r="T81" s="275">
        <v>3.5349096994098432E-2</v>
      </c>
      <c r="U81" s="276">
        <v>0.39293090280517362</v>
      </c>
      <c r="V81" s="275">
        <v>3.8805541705376909E-2</v>
      </c>
      <c r="W81" s="69">
        <v>630</v>
      </c>
      <c r="X81" s="70">
        <v>76.398228590424736</v>
      </c>
      <c r="Y81" s="71">
        <v>1.8357786372783185</v>
      </c>
      <c r="Z81" s="274">
        <v>0.19177329322985831</v>
      </c>
      <c r="AA81" s="275">
        <v>3.1391624239130909E-2</v>
      </c>
      <c r="AB81" s="276">
        <v>0.54824422310711307</v>
      </c>
      <c r="AC81" s="275">
        <v>3.9532103428807919E-2</v>
      </c>
      <c r="AD81" s="69">
        <v>630</v>
      </c>
      <c r="AE81" s="70">
        <v>79.490921378966348</v>
      </c>
      <c r="AF81" s="71">
        <v>1.4853169299982412</v>
      </c>
      <c r="AG81" s="274">
        <v>0.14098432801618702</v>
      </c>
      <c r="AH81" s="275">
        <v>2.7826526315288275E-2</v>
      </c>
      <c r="AI81" s="276">
        <v>0.57836885409447525</v>
      </c>
      <c r="AJ81" s="275">
        <v>3.923041822945262E-2</v>
      </c>
      <c r="AK81" s="69">
        <v>631</v>
      </c>
      <c r="AL81" s="70">
        <v>70.780198295333193</v>
      </c>
      <c r="AM81" s="71">
        <v>1.8649679737287985</v>
      </c>
      <c r="AN81" s="274">
        <v>0.25709377281044926</v>
      </c>
      <c r="AO81" s="275">
        <v>3.4753355824718078E-2</v>
      </c>
      <c r="AP81" s="276">
        <v>0.41795364649402472</v>
      </c>
      <c r="AQ81" s="275">
        <v>3.9152674017089308E-2</v>
      </c>
      <c r="AR81" s="69">
        <v>629</v>
      </c>
      <c r="AS81" s="70">
        <v>70.068811272163032</v>
      </c>
      <c r="AT81" s="71">
        <v>1.9658400243741132</v>
      </c>
      <c r="AU81" s="274">
        <v>0.26782306390835564</v>
      </c>
      <c r="AV81" s="275">
        <v>3.5262320595399445E-2</v>
      </c>
      <c r="AW81" s="276">
        <v>0.43813722164016622</v>
      </c>
      <c r="AX81" s="275">
        <v>3.9444901110521374E-2</v>
      </c>
    </row>
    <row r="82" spans="1:50">
      <c r="A82" s="52" t="s">
        <v>546</v>
      </c>
      <c r="B82" s="66">
        <v>64</v>
      </c>
      <c r="C82" s="67">
        <v>73.030135203177352</v>
      </c>
      <c r="D82" s="68">
        <v>4.1742258929717195</v>
      </c>
      <c r="E82" s="271">
        <v>0.15994311234123948</v>
      </c>
      <c r="F82" s="272">
        <v>9.3168326694769266E-2</v>
      </c>
      <c r="G82" s="273">
        <v>0.37291264768487165</v>
      </c>
      <c r="H82" s="272">
        <v>0.11774675192108253</v>
      </c>
      <c r="I82" s="66">
        <v>65</v>
      </c>
      <c r="J82" s="67">
        <v>65.878326057252593</v>
      </c>
      <c r="K82" s="68">
        <v>5.2324200336253597</v>
      </c>
      <c r="L82" s="271">
        <v>0.30490657844454266</v>
      </c>
      <c r="M82" s="272">
        <v>0.11195847238834099</v>
      </c>
      <c r="N82" s="273">
        <v>0.2168359903342956</v>
      </c>
      <c r="O82" s="272">
        <v>0.10182255907617667</v>
      </c>
      <c r="P82" s="66">
        <v>65</v>
      </c>
      <c r="Q82" s="67">
        <v>65.337999947048729</v>
      </c>
      <c r="R82" s="68">
        <v>5.964912193761946</v>
      </c>
      <c r="S82" s="271">
        <v>0.29548851273620708</v>
      </c>
      <c r="T82" s="272">
        <v>0.11109044818034307</v>
      </c>
      <c r="U82" s="273">
        <v>0.32635165637960173</v>
      </c>
      <c r="V82" s="272">
        <v>0.11376074653491219</v>
      </c>
      <c r="W82" s="66">
        <v>65</v>
      </c>
      <c r="X82" s="67">
        <v>68.154163413655013</v>
      </c>
      <c r="Y82" s="68">
        <v>6.9193817463324931</v>
      </c>
      <c r="Z82" s="271">
        <v>0.33498470169013017</v>
      </c>
      <c r="AA82" s="272">
        <v>0.11441991011147593</v>
      </c>
      <c r="AB82" s="273">
        <v>0.44128035076366473</v>
      </c>
      <c r="AC82" s="272">
        <v>0.1196468676318312</v>
      </c>
      <c r="AD82" s="66">
        <v>64</v>
      </c>
      <c r="AE82" s="67">
        <v>80.745057604426663</v>
      </c>
      <c r="AF82" s="68">
        <v>4.0511229581712547</v>
      </c>
      <c r="AG82" s="271">
        <v>0.14149026445333604</v>
      </c>
      <c r="AH82" s="272">
        <v>8.9491083234934335E-2</v>
      </c>
      <c r="AI82" s="273">
        <v>0.56795705180057887</v>
      </c>
      <c r="AJ82" s="272">
        <v>0.12027154872618662</v>
      </c>
      <c r="AK82" s="66">
        <v>65</v>
      </c>
      <c r="AL82" s="67">
        <v>70.228310409747451</v>
      </c>
      <c r="AM82" s="68">
        <v>5.8559048719922426</v>
      </c>
      <c r="AN82" s="271">
        <v>0.30054652895893702</v>
      </c>
      <c r="AO82" s="272">
        <v>0.11156254904814449</v>
      </c>
      <c r="AP82" s="273">
        <v>0.41759662214848242</v>
      </c>
      <c r="AQ82" s="272">
        <v>0.11892614846668925</v>
      </c>
      <c r="AR82" s="66">
        <v>64</v>
      </c>
      <c r="AS82" s="67">
        <v>64.887097454601445</v>
      </c>
      <c r="AT82" s="68">
        <v>6.5608197849049299</v>
      </c>
      <c r="AU82" s="271">
        <v>0.33801030336584631</v>
      </c>
      <c r="AV82" s="272">
        <v>0.11549272366456068</v>
      </c>
      <c r="AW82" s="273">
        <v>0.37226543684611862</v>
      </c>
      <c r="AX82" s="272">
        <v>0.11771025433504606</v>
      </c>
    </row>
    <row r="83" spans="1:50">
      <c r="A83" s="44" t="s">
        <v>547</v>
      </c>
      <c r="B83" s="69">
        <v>147</v>
      </c>
      <c r="C83" s="70">
        <v>75.690089540471718</v>
      </c>
      <c r="D83" s="71">
        <v>3.1690270462858665</v>
      </c>
      <c r="E83" s="274">
        <v>0.1940904176342762</v>
      </c>
      <c r="F83" s="275">
        <v>6.5369368462508001E-2</v>
      </c>
      <c r="G83" s="276">
        <v>0.50661680069716486</v>
      </c>
      <c r="H83" s="275">
        <v>8.1372092260155418E-2</v>
      </c>
      <c r="I83" s="69">
        <v>146</v>
      </c>
      <c r="J83" s="70">
        <v>72.400305592757135</v>
      </c>
      <c r="K83" s="71">
        <v>3.4147001869159896</v>
      </c>
      <c r="L83" s="274">
        <v>0.17642229985065902</v>
      </c>
      <c r="M83" s="275">
        <v>6.341548741719033E-2</v>
      </c>
      <c r="N83" s="276">
        <v>0.41936429361799399</v>
      </c>
      <c r="O83" s="275">
        <v>8.0637466678052647E-2</v>
      </c>
      <c r="P83" s="69">
        <v>145</v>
      </c>
      <c r="Q83" s="70">
        <v>67.914049909486323</v>
      </c>
      <c r="R83" s="71">
        <v>3.9273269680557141</v>
      </c>
      <c r="S83" s="274">
        <v>0.27802098717453416</v>
      </c>
      <c r="T83" s="275">
        <v>7.3882807019553409E-2</v>
      </c>
      <c r="U83" s="276">
        <v>0.38520615709439915</v>
      </c>
      <c r="V83" s="275">
        <v>7.9852279763687639E-2</v>
      </c>
      <c r="W83" s="69">
        <v>145</v>
      </c>
      <c r="X83" s="70">
        <v>76.621692892287342</v>
      </c>
      <c r="Y83" s="71">
        <v>3.9209379377304456</v>
      </c>
      <c r="Z83" s="274">
        <v>0.21927306837484178</v>
      </c>
      <c r="AA83" s="275">
        <v>6.8613669020401766E-2</v>
      </c>
      <c r="AB83" s="276">
        <v>0.58714872230497728</v>
      </c>
      <c r="AC83" s="275">
        <v>8.0736111112671177E-2</v>
      </c>
      <c r="AD83" s="69">
        <v>146</v>
      </c>
      <c r="AE83" s="70">
        <v>77.52885329894626</v>
      </c>
      <c r="AF83" s="71">
        <v>3.2284716722857465</v>
      </c>
      <c r="AG83" s="274">
        <v>0.15335117253749403</v>
      </c>
      <c r="AH83" s="275">
        <v>6.0256775288266097E-2</v>
      </c>
      <c r="AI83" s="276">
        <v>0.51139487141869422</v>
      </c>
      <c r="AJ83" s="275">
        <v>8.162956809678415E-2</v>
      </c>
      <c r="AK83" s="69">
        <v>146</v>
      </c>
      <c r="AL83" s="70">
        <v>71.981458042190596</v>
      </c>
      <c r="AM83" s="71">
        <v>3.8393316291633961</v>
      </c>
      <c r="AN83" s="274">
        <v>0.25517872555728693</v>
      </c>
      <c r="AO83" s="275">
        <v>7.1780514669168322E-2</v>
      </c>
      <c r="AP83" s="276">
        <v>0.40593908725679673</v>
      </c>
      <c r="AQ83" s="275">
        <v>8.0269233201459109E-2</v>
      </c>
      <c r="AR83" s="69">
        <v>146</v>
      </c>
      <c r="AS83" s="70">
        <v>68.867661870990162</v>
      </c>
      <c r="AT83" s="71">
        <v>4.0342913250327221</v>
      </c>
      <c r="AU83" s="274">
        <v>0.30094452682184392</v>
      </c>
      <c r="AV83" s="275">
        <v>7.5270529548200571E-2</v>
      </c>
      <c r="AW83" s="276">
        <v>0.42476566236499053</v>
      </c>
      <c r="AX83" s="275">
        <v>8.0769242831726554E-2</v>
      </c>
    </row>
    <row r="84" spans="1:50">
      <c r="A84" s="52" t="s">
        <v>548</v>
      </c>
      <c r="B84" s="66">
        <v>164</v>
      </c>
      <c r="C84" s="67">
        <v>77.324788576654854</v>
      </c>
      <c r="D84" s="68">
        <v>2.9219457569512857</v>
      </c>
      <c r="E84" s="271">
        <v>0.15329555007577869</v>
      </c>
      <c r="F84" s="272">
        <v>5.6789477646537953E-2</v>
      </c>
      <c r="G84" s="273">
        <v>0.53583589606876147</v>
      </c>
      <c r="H84" s="272">
        <v>7.696260895921421E-2</v>
      </c>
      <c r="I84" s="66">
        <v>162</v>
      </c>
      <c r="J84" s="67">
        <v>71.406081103048763</v>
      </c>
      <c r="K84" s="68">
        <v>3.3189097131431091</v>
      </c>
      <c r="L84" s="271">
        <v>0.21267127386261037</v>
      </c>
      <c r="M84" s="272">
        <v>6.4260943211259899E-2</v>
      </c>
      <c r="N84" s="273">
        <v>0.39616627474901134</v>
      </c>
      <c r="O84" s="272">
        <v>7.6004420448393228E-2</v>
      </c>
      <c r="P84" s="66">
        <v>163</v>
      </c>
      <c r="Q84" s="67">
        <v>70.850448746956189</v>
      </c>
      <c r="R84" s="68">
        <v>3.6460359788251639</v>
      </c>
      <c r="S84" s="271">
        <v>0.24304962276907266</v>
      </c>
      <c r="T84" s="272">
        <v>6.6943792312060546E-2</v>
      </c>
      <c r="U84" s="273">
        <v>0.40263130527731716</v>
      </c>
      <c r="V84" s="272">
        <v>7.5971640105379462E-2</v>
      </c>
      <c r="W84" s="66">
        <v>163</v>
      </c>
      <c r="X84" s="67">
        <v>76.896148577889662</v>
      </c>
      <c r="Y84" s="68">
        <v>3.6613797009320566</v>
      </c>
      <c r="Z84" s="271">
        <v>0.16981997060604306</v>
      </c>
      <c r="AA84" s="272">
        <v>5.9164049556259445E-2</v>
      </c>
      <c r="AB84" s="273">
        <v>0.52858854985201098</v>
      </c>
      <c r="AC84" s="272">
        <v>7.7261726164035802E-2</v>
      </c>
      <c r="AD84" s="66">
        <v>163</v>
      </c>
      <c r="AE84" s="67">
        <v>83.702510524763497</v>
      </c>
      <c r="AF84" s="68">
        <v>2.5001388190662812</v>
      </c>
      <c r="AG84" s="271">
        <v>8.3783563248025175E-2</v>
      </c>
      <c r="AH84" s="272">
        <v>4.5111499418698367E-2</v>
      </c>
      <c r="AI84" s="273">
        <v>0.67892435132142925</v>
      </c>
      <c r="AJ84" s="272">
        <v>7.2508733506464945E-2</v>
      </c>
      <c r="AK84" s="66">
        <v>163</v>
      </c>
      <c r="AL84" s="67">
        <v>71.922487150283942</v>
      </c>
      <c r="AM84" s="68">
        <v>3.9058502042809682</v>
      </c>
      <c r="AN84" s="271">
        <v>0.25167167482508956</v>
      </c>
      <c r="AO84" s="272">
        <v>6.7682203877688724E-2</v>
      </c>
      <c r="AP84" s="273">
        <v>0.4781536982842195</v>
      </c>
      <c r="AQ84" s="272">
        <v>7.731192409335165E-2</v>
      </c>
      <c r="AR84" s="66">
        <v>163</v>
      </c>
      <c r="AS84" s="67">
        <v>73.568477185600955</v>
      </c>
      <c r="AT84" s="68">
        <v>3.5856885590680245</v>
      </c>
      <c r="AU84" s="271">
        <v>0.20400167478839912</v>
      </c>
      <c r="AV84" s="272">
        <v>6.3156843569811646E-2</v>
      </c>
      <c r="AW84" s="273">
        <v>0.47150288247207051</v>
      </c>
      <c r="AX84" s="272">
        <v>7.726249691851933E-2</v>
      </c>
    </row>
    <row r="85" spans="1:50">
      <c r="A85" s="44" t="s">
        <v>549</v>
      </c>
      <c r="B85" s="69">
        <v>70</v>
      </c>
      <c r="C85" s="70">
        <v>72.97018299754113</v>
      </c>
      <c r="D85" s="71">
        <v>5.1859672640470942</v>
      </c>
      <c r="E85" s="274">
        <v>0.22240203928139946</v>
      </c>
      <c r="F85" s="275">
        <v>9.8925331383354478E-2</v>
      </c>
      <c r="G85" s="276">
        <v>0.44931283779289777</v>
      </c>
      <c r="H85" s="275">
        <v>0.11571191041656069</v>
      </c>
      <c r="I85" s="69">
        <v>70</v>
      </c>
      <c r="J85" s="70">
        <v>62.017587997663426</v>
      </c>
      <c r="K85" s="71">
        <v>5.8583378757687452</v>
      </c>
      <c r="L85" s="274">
        <v>0.41192281525286023</v>
      </c>
      <c r="M85" s="275">
        <v>0.11462238862302621</v>
      </c>
      <c r="N85" s="276">
        <v>0.27991822293162616</v>
      </c>
      <c r="O85" s="275">
        <v>0.10569175279092587</v>
      </c>
      <c r="P85" s="69">
        <v>69</v>
      </c>
      <c r="Q85" s="70">
        <v>65.700790554052318</v>
      </c>
      <c r="R85" s="71">
        <v>5.6594941968489723</v>
      </c>
      <c r="S85" s="274">
        <v>0.36092452090190963</v>
      </c>
      <c r="T85" s="275">
        <v>0.11292368813155246</v>
      </c>
      <c r="U85" s="276">
        <v>0.3909199241003054</v>
      </c>
      <c r="V85" s="275">
        <v>0.11452576518698317</v>
      </c>
      <c r="W85" s="69">
        <v>69</v>
      </c>
      <c r="X85" s="70">
        <v>73.328662896443262</v>
      </c>
      <c r="Y85" s="71">
        <v>5.6317250351484089</v>
      </c>
      <c r="Z85" s="274">
        <v>0.29261244628401017</v>
      </c>
      <c r="AA85" s="275">
        <v>0.10767140508738156</v>
      </c>
      <c r="AB85" s="276">
        <v>0.47241008078211366</v>
      </c>
      <c r="AC85" s="275">
        <v>0.11688184655019254</v>
      </c>
      <c r="AD85" s="69">
        <v>69</v>
      </c>
      <c r="AE85" s="70">
        <v>78.221731453621857</v>
      </c>
      <c r="AF85" s="71">
        <v>4.8048317755892418</v>
      </c>
      <c r="AG85" s="274">
        <v>0.20635491581887153</v>
      </c>
      <c r="AH85" s="275">
        <v>9.7352136941236886E-2</v>
      </c>
      <c r="AI85" s="276">
        <v>0.53052222780101621</v>
      </c>
      <c r="AJ85" s="275">
        <v>0.11684615581960588</v>
      </c>
      <c r="AK85" s="69">
        <v>69</v>
      </c>
      <c r="AL85" s="70">
        <v>66.296978433908293</v>
      </c>
      <c r="AM85" s="71">
        <v>6.089641272089735</v>
      </c>
      <c r="AN85" s="274">
        <v>0.33863252029936047</v>
      </c>
      <c r="AO85" s="275">
        <v>0.11146250537777493</v>
      </c>
      <c r="AP85" s="276">
        <v>0.34158090174092076</v>
      </c>
      <c r="AQ85" s="275">
        <v>0.11166936317260472</v>
      </c>
      <c r="AR85" s="69">
        <v>69</v>
      </c>
      <c r="AS85" s="70">
        <v>69.225597222085938</v>
      </c>
      <c r="AT85" s="71">
        <v>6.1660712274751841</v>
      </c>
      <c r="AU85" s="274">
        <v>0.30407711058962145</v>
      </c>
      <c r="AV85" s="275">
        <v>0.10871746242157888</v>
      </c>
      <c r="AW85" s="276">
        <v>0.41173777275072587</v>
      </c>
      <c r="AX85" s="275">
        <v>0.11540046114613613</v>
      </c>
    </row>
    <row r="86" spans="1:50" s="5" customFormat="1">
      <c r="A86" s="52" t="s">
        <v>550</v>
      </c>
      <c r="B86" s="66">
        <v>119</v>
      </c>
      <c r="C86" s="67">
        <v>77.331250681576975</v>
      </c>
      <c r="D86" s="68">
        <v>2.9440409739787752</v>
      </c>
      <c r="E86" s="271">
        <v>0.14190529157651513</v>
      </c>
      <c r="F86" s="272">
        <v>6.5013531165144328E-2</v>
      </c>
      <c r="G86" s="273">
        <v>0.50305361125165027</v>
      </c>
      <c r="H86" s="272">
        <v>9.0165389511332891E-2</v>
      </c>
      <c r="I86" s="66">
        <v>118</v>
      </c>
      <c r="J86" s="67">
        <v>70.679898168585851</v>
      </c>
      <c r="K86" s="68">
        <v>3.607107725231141</v>
      </c>
      <c r="L86" s="271">
        <v>0.2348239945199819</v>
      </c>
      <c r="M86" s="272">
        <v>7.7716832010950018E-2</v>
      </c>
      <c r="N86" s="273">
        <v>0.35596983830252354</v>
      </c>
      <c r="O86" s="272">
        <v>8.6950771784795322E-2</v>
      </c>
      <c r="P86" s="66">
        <v>119</v>
      </c>
      <c r="Q86" s="67">
        <v>70.056921093399339</v>
      </c>
      <c r="R86" s="68">
        <v>4.0891065125337933</v>
      </c>
      <c r="S86" s="271">
        <v>0.23696159331583735</v>
      </c>
      <c r="T86" s="272">
        <v>7.7614376102248986E-2</v>
      </c>
      <c r="U86" s="273">
        <v>0.43856103771238869</v>
      </c>
      <c r="V86" s="272">
        <v>8.9527535626939603E-2</v>
      </c>
      <c r="W86" s="66">
        <v>119</v>
      </c>
      <c r="X86" s="67">
        <v>78.714192831328958</v>
      </c>
      <c r="Y86" s="68">
        <v>3.629101398862804</v>
      </c>
      <c r="Z86" s="271">
        <v>0.1376653999155949</v>
      </c>
      <c r="AA86" s="272">
        <v>6.4294480856812344E-2</v>
      </c>
      <c r="AB86" s="273">
        <v>0.58605729311341759</v>
      </c>
      <c r="AC86" s="272">
        <v>8.8908099419619163E-2</v>
      </c>
      <c r="AD86" s="66">
        <v>119</v>
      </c>
      <c r="AE86" s="67">
        <v>78.305685955446648</v>
      </c>
      <c r="AF86" s="68">
        <v>3.4632673347896477</v>
      </c>
      <c r="AG86" s="271">
        <v>0.15266160980084209</v>
      </c>
      <c r="AH86" s="272">
        <v>6.6766238127831862E-2</v>
      </c>
      <c r="AI86" s="273">
        <v>0.56330854408344466</v>
      </c>
      <c r="AJ86" s="272">
        <v>8.9487878203293042E-2</v>
      </c>
      <c r="AK86" s="66">
        <v>119</v>
      </c>
      <c r="AL86" s="67">
        <v>71.147329350537106</v>
      </c>
      <c r="AM86" s="68">
        <v>3.9613959930300466</v>
      </c>
      <c r="AN86" s="271">
        <v>0.23670085629732135</v>
      </c>
      <c r="AO86" s="272">
        <v>7.7587460210411602E-2</v>
      </c>
      <c r="AP86" s="273">
        <v>0.43579502464215913</v>
      </c>
      <c r="AQ86" s="272">
        <v>8.9468435135619001E-2</v>
      </c>
      <c r="AR86" s="66">
        <v>119</v>
      </c>
      <c r="AS86" s="67">
        <v>69.563336403286584</v>
      </c>
      <c r="AT86" s="68">
        <v>4.6540800448495974</v>
      </c>
      <c r="AU86" s="271">
        <v>0.30534986024151123</v>
      </c>
      <c r="AV86" s="272">
        <v>8.3527038082720953E-2</v>
      </c>
      <c r="AW86" s="273">
        <v>0.44868095112578282</v>
      </c>
      <c r="AX86" s="272">
        <v>8.9721314490787824E-2</v>
      </c>
    </row>
    <row r="87" spans="1:50" s="5" customFormat="1">
      <c r="A87" s="44" t="s">
        <v>551</v>
      </c>
      <c r="B87" s="69">
        <v>69</v>
      </c>
      <c r="C87" s="70">
        <v>71.523148251690515</v>
      </c>
      <c r="D87" s="71">
        <v>5.4245601580051819</v>
      </c>
      <c r="E87" s="274">
        <v>0.18180571419259789</v>
      </c>
      <c r="F87" s="275">
        <v>9.3499405744301031E-2</v>
      </c>
      <c r="G87" s="276">
        <v>0.4017691467608443</v>
      </c>
      <c r="H87" s="275">
        <v>0.11500546398529862</v>
      </c>
      <c r="I87" s="69">
        <v>69</v>
      </c>
      <c r="J87" s="70">
        <v>65.423321902231265</v>
      </c>
      <c r="K87" s="71">
        <v>5.3808822564878698</v>
      </c>
      <c r="L87" s="274">
        <v>0.32894830025335309</v>
      </c>
      <c r="M87" s="275">
        <v>0.11075331089582466</v>
      </c>
      <c r="N87" s="276">
        <v>0.32952615975317978</v>
      </c>
      <c r="O87" s="275">
        <v>0.11079691856078176</v>
      </c>
      <c r="P87" s="69">
        <v>69</v>
      </c>
      <c r="Q87" s="70">
        <v>65.605198115431776</v>
      </c>
      <c r="R87" s="71">
        <v>5.4692843826412316</v>
      </c>
      <c r="S87" s="274">
        <v>0.32152220242475615</v>
      </c>
      <c r="T87" s="275">
        <v>0.11017816702866484</v>
      </c>
      <c r="U87" s="276">
        <v>0.33521905891003889</v>
      </c>
      <c r="V87" s="275">
        <v>0.11121775794726944</v>
      </c>
      <c r="W87" s="69">
        <v>69</v>
      </c>
      <c r="X87" s="70">
        <v>77.338147512180797</v>
      </c>
      <c r="Y87" s="71">
        <v>4.8448357794602375</v>
      </c>
      <c r="Z87" s="274">
        <v>0.16428386573750664</v>
      </c>
      <c r="AA87" s="275">
        <v>9.0450184439055531E-2</v>
      </c>
      <c r="AB87" s="276">
        <v>0.57842895098287972</v>
      </c>
      <c r="AC87" s="275">
        <v>0.11574760556249031</v>
      </c>
      <c r="AD87" s="69">
        <v>69</v>
      </c>
      <c r="AE87" s="70">
        <v>74.704369072122461</v>
      </c>
      <c r="AF87" s="71">
        <v>5.0141710623225508</v>
      </c>
      <c r="AG87" s="274">
        <v>0.19526512992979811</v>
      </c>
      <c r="AH87" s="275">
        <v>9.5669135000379046E-2</v>
      </c>
      <c r="AI87" s="276">
        <v>0.49962201926362665</v>
      </c>
      <c r="AJ87" s="275">
        <v>0.11704111731751875</v>
      </c>
      <c r="AK87" s="69">
        <v>69</v>
      </c>
      <c r="AL87" s="70">
        <v>68.793707874915711</v>
      </c>
      <c r="AM87" s="71">
        <v>5.1980896649793866</v>
      </c>
      <c r="AN87" s="274">
        <v>0.23786317238847729</v>
      </c>
      <c r="AO87" s="275">
        <v>0.10165977593761208</v>
      </c>
      <c r="AP87" s="276">
        <v>0.30663935615831422</v>
      </c>
      <c r="AQ87" s="275">
        <v>0.10894179855294354</v>
      </c>
      <c r="AR87" s="69">
        <v>68</v>
      </c>
      <c r="AS87" s="70">
        <v>68.296470128137457</v>
      </c>
      <c r="AT87" s="71">
        <v>6.19963649761638</v>
      </c>
      <c r="AU87" s="274">
        <v>0.23339586894830483</v>
      </c>
      <c r="AV87" s="275">
        <v>0.10181693558200706</v>
      </c>
      <c r="AW87" s="276">
        <v>0.41461075461706104</v>
      </c>
      <c r="AX87" s="275">
        <v>0.11630809652578597</v>
      </c>
    </row>
    <row r="88" spans="1:50" s="5" customFormat="1"/>
    <row r="90" spans="1:50" ht="18.75">
      <c r="A90" s="336" t="s">
        <v>243</v>
      </c>
      <c r="B90" s="336"/>
      <c r="C90" s="336"/>
      <c r="D90" s="336"/>
      <c r="E90" s="336"/>
      <c r="F90" s="336"/>
      <c r="G90" s="336"/>
      <c r="H90" s="336"/>
    </row>
    <row r="91" spans="1:50" ht="72.75" customHeight="1">
      <c r="A91" s="347" t="s">
        <v>526</v>
      </c>
      <c r="B91" s="347"/>
      <c r="C91" s="347"/>
      <c r="D91" s="347"/>
      <c r="E91" s="347"/>
      <c r="F91" s="347"/>
      <c r="G91" s="347"/>
      <c r="H91" s="347"/>
    </row>
    <row r="92" spans="1:50" ht="33" customHeight="1">
      <c r="A92" s="348" t="s">
        <v>244</v>
      </c>
      <c r="B92" s="349"/>
      <c r="C92" s="349"/>
      <c r="D92" s="349"/>
      <c r="E92" s="349"/>
      <c r="F92" s="349"/>
      <c r="G92" s="349"/>
      <c r="H92" s="350"/>
    </row>
    <row r="93" spans="1:50" ht="42" customHeight="1">
      <c r="A93" s="32" t="s">
        <v>71</v>
      </c>
      <c r="B93" s="33" t="s">
        <v>72</v>
      </c>
      <c r="C93" s="34" t="s">
        <v>588</v>
      </c>
      <c r="D93" s="35" t="s">
        <v>73</v>
      </c>
      <c r="E93" s="34" t="s">
        <v>330</v>
      </c>
      <c r="F93" s="35" t="s">
        <v>334</v>
      </c>
      <c r="G93" s="34" t="s">
        <v>332</v>
      </c>
      <c r="H93" s="35" t="s">
        <v>335</v>
      </c>
    </row>
    <row r="94" spans="1:50" ht="72" customHeight="1">
      <c r="A94" s="36"/>
      <c r="B94" s="37" t="s">
        <v>74</v>
      </c>
      <c r="C94" s="38" t="s">
        <v>247</v>
      </c>
      <c r="D94" s="39" t="s">
        <v>76</v>
      </c>
      <c r="E94" s="38" t="s">
        <v>331</v>
      </c>
      <c r="F94" s="86" t="s">
        <v>88</v>
      </c>
      <c r="G94" s="38" t="s">
        <v>333</v>
      </c>
      <c r="H94" s="86" t="s">
        <v>88</v>
      </c>
    </row>
    <row r="95" spans="1:50">
      <c r="A95" s="40" t="s">
        <v>349</v>
      </c>
      <c r="B95" s="72">
        <v>13562</v>
      </c>
      <c r="C95" s="73">
        <v>67.003714115916821</v>
      </c>
      <c r="D95" s="74">
        <v>0.41771560076770042</v>
      </c>
      <c r="E95" s="278">
        <v>0.31223242392109507</v>
      </c>
      <c r="F95" s="279">
        <v>7.9576522818712876E-3</v>
      </c>
      <c r="G95" s="278">
        <v>0.30655428162142018</v>
      </c>
      <c r="H95" s="279">
        <v>7.9174723496586458E-3</v>
      </c>
    </row>
    <row r="96" spans="1:50">
      <c r="A96" s="44" t="s">
        <v>350</v>
      </c>
      <c r="B96" s="75">
        <v>10049</v>
      </c>
      <c r="C96" s="76">
        <v>69.354440070821909</v>
      </c>
      <c r="D96" s="77">
        <v>0.47362839336437085</v>
      </c>
      <c r="E96" s="280">
        <v>0.27180113126224165</v>
      </c>
      <c r="F96" s="281">
        <v>8.8752017717384363E-3</v>
      </c>
      <c r="G96" s="280">
        <v>0.34684332757075992</v>
      </c>
      <c r="H96" s="281">
        <v>9.4945721376079508E-3</v>
      </c>
    </row>
    <row r="97" spans="1:8" s="5" customFormat="1">
      <c r="A97" s="40" t="s">
        <v>351</v>
      </c>
      <c r="B97" s="72">
        <v>3513</v>
      </c>
      <c r="C97" s="73">
        <v>65.00864740674038</v>
      </c>
      <c r="D97" s="74">
        <v>0.85205123852653242</v>
      </c>
      <c r="E97" s="278">
        <v>0.34654655816728325</v>
      </c>
      <c r="F97" s="279">
        <v>1.605030386499131E-2</v>
      </c>
      <c r="G97" s="278">
        <v>0.27236087249591096</v>
      </c>
      <c r="H97" s="279">
        <v>1.5017693396233021E-2</v>
      </c>
    </row>
    <row r="98" spans="1:8" s="5" customFormat="1">
      <c r="A98" s="44" t="s">
        <v>533</v>
      </c>
      <c r="B98" s="75">
        <v>3129</v>
      </c>
      <c r="C98" s="76">
        <v>67.891424892064137</v>
      </c>
      <c r="D98" s="77">
        <v>0.82641317430864791</v>
      </c>
      <c r="E98" s="280">
        <v>0.30224541194959503</v>
      </c>
      <c r="F98" s="281">
        <v>1.6412840026957067E-2</v>
      </c>
      <c r="G98" s="280">
        <v>0.31630750046237366</v>
      </c>
      <c r="H98" s="281">
        <v>1.6619631673847737E-2</v>
      </c>
    </row>
    <row r="99" spans="1:8" s="5" customFormat="1">
      <c r="A99" s="40" t="s">
        <v>534</v>
      </c>
      <c r="B99" s="72">
        <v>2491</v>
      </c>
      <c r="C99" s="73">
        <v>72.351461096921426</v>
      </c>
      <c r="D99" s="74">
        <v>0.90156360447975092</v>
      </c>
      <c r="E99" s="278">
        <v>0.22393191140798796</v>
      </c>
      <c r="F99" s="279">
        <v>1.6703501213509102E-2</v>
      </c>
      <c r="G99" s="278">
        <v>0.38939119382436016</v>
      </c>
      <c r="H99" s="279">
        <v>1.9525632453629916E-2</v>
      </c>
    </row>
    <row r="100" spans="1:8" s="5" customFormat="1">
      <c r="A100" s="44" t="s">
        <v>535</v>
      </c>
      <c r="B100" s="75">
        <v>482</v>
      </c>
      <c r="C100" s="76">
        <v>73.103161491492514</v>
      </c>
      <c r="D100" s="77">
        <v>1.9078528453032095</v>
      </c>
      <c r="E100" s="280">
        <v>0.21736187999998471</v>
      </c>
      <c r="F100" s="281">
        <v>3.7562047405849112E-2</v>
      </c>
      <c r="G100" s="280">
        <v>0.40218011604670373</v>
      </c>
      <c r="H100" s="281">
        <v>4.4498867796028858E-2</v>
      </c>
    </row>
    <row r="101" spans="1:8" s="5" customFormat="1">
      <c r="A101" s="40" t="s">
        <v>536</v>
      </c>
      <c r="B101" s="72">
        <v>88</v>
      </c>
      <c r="C101" s="73">
        <v>73.222474428785745</v>
      </c>
      <c r="D101" s="74">
        <v>4.1045733328066438</v>
      </c>
      <c r="E101" s="278">
        <v>0.18026662683410064</v>
      </c>
      <c r="F101" s="279">
        <v>8.2479730155149186E-2</v>
      </c>
      <c r="G101" s="278">
        <v>0.35282096831344828</v>
      </c>
      <c r="H101" s="279">
        <v>0.10003934172846983</v>
      </c>
    </row>
    <row r="102" spans="1:8" s="5" customFormat="1">
      <c r="A102" s="44" t="s">
        <v>537</v>
      </c>
      <c r="B102" s="75">
        <v>137</v>
      </c>
      <c r="C102" s="76">
        <v>72.63783832134709</v>
      </c>
      <c r="D102" s="77">
        <v>3.8904968961580342</v>
      </c>
      <c r="E102" s="280">
        <v>0.25043858192172125</v>
      </c>
      <c r="F102" s="281">
        <v>7.36490901309238E-2</v>
      </c>
      <c r="G102" s="280">
        <v>0.43309597222046231</v>
      </c>
      <c r="H102" s="281">
        <v>8.3500408052791894E-2</v>
      </c>
    </row>
    <row r="103" spans="1:8" s="5" customFormat="1">
      <c r="A103" s="40" t="s">
        <v>538</v>
      </c>
      <c r="B103" s="72">
        <v>105</v>
      </c>
      <c r="C103" s="73">
        <v>70.955636651051265</v>
      </c>
      <c r="D103" s="74">
        <v>3.8307600925912277</v>
      </c>
      <c r="E103" s="278">
        <v>0.23323785789270812</v>
      </c>
      <c r="F103" s="279">
        <v>8.216453140568003E-2</v>
      </c>
      <c r="G103" s="278">
        <v>0.37456022911214204</v>
      </c>
      <c r="H103" s="279">
        <v>9.2943416926464198E-2</v>
      </c>
    </row>
    <row r="104" spans="1:8" s="5" customFormat="1">
      <c r="A104" s="44" t="s">
        <v>539</v>
      </c>
      <c r="B104" s="75">
        <v>152</v>
      </c>
      <c r="C104" s="76">
        <v>74.407792000402424</v>
      </c>
      <c r="D104" s="77">
        <v>3.4354264971612354</v>
      </c>
      <c r="E104" s="280">
        <v>0.20413244446168538</v>
      </c>
      <c r="F104" s="281">
        <v>6.5416602835876886E-2</v>
      </c>
      <c r="G104" s="280">
        <v>0.4168211301491076</v>
      </c>
      <c r="H104" s="281">
        <v>7.9005279471359241E-2</v>
      </c>
    </row>
    <row r="105" spans="1:8" s="5" customFormat="1">
      <c r="A105" s="40" t="s">
        <v>540</v>
      </c>
      <c r="B105" s="72">
        <v>339</v>
      </c>
      <c r="C105" s="73">
        <v>73.882012775532033</v>
      </c>
      <c r="D105" s="74">
        <v>2.4426181914365932</v>
      </c>
      <c r="E105" s="278">
        <v>0.20601091520581261</v>
      </c>
      <c r="F105" s="279">
        <v>4.3941985886269963E-2</v>
      </c>
      <c r="G105" s="278">
        <v>0.40920739476015267</v>
      </c>
      <c r="H105" s="279">
        <v>5.3118256897201628E-2</v>
      </c>
    </row>
    <row r="106" spans="1:8" s="5" customFormat="1">
      <c r="A106" s="44" t="s">
        <v>541</v>
      </c>
      <c r="B106" s="75">
        <v>112</v>
      </c>
      <c r="C106" s="76">
        <v>77.026217605383664</v>
      </c>
      <c r="D106" s="77">
        <v>3.9664773183918909</v>
      </c>
      <c r="E106" s="280">
        <v>0.13802690548955129</v>
      </c>
      <c r="F106" s="281">
        <v>6.6398965670604965E-2</v>
      </c>
      <c r="G106" s="280">
        <v>0.45007269487476775</v>
      </c>
      <c r="H106" s="281">
        <v>9.2415145236327823E-2</v>
      </c>
    </row>
    <row r="107" spans="1:8">
      <c r="A107" s="40" t="s">
        <v>542</v>
      </c>
      <c r="B107" s="78">
        <v>95</v>
      </c>
      <c r="C107" s="79">
        <v>73.635455893024655</v>
      </c>
      <c r="D107" s="80">
        <v>4.5404214467031716</v>
      </c>
      <c r="E107" s="282">
        <v>0.21085468831946316</v>
      </c>
      <c r="F107" s="283">
        <v>8.3609110998607294E-2</v>
      </c>
      <c r="G107" s="282">
        <v>0.36552523436463674</v>
      </c>
      <c r="H107" s="283">
        <v>9.7098992766069078E-2</v>
      </c>
    </row>
    <row r="108" spans="1:8">
      <c r="A108" s="44" t="s">
        <v>543</v>
      </c>
      <c r="B108" s="75">
        <v>77</v>
      </c>
      <c r="C108" s="76">
        <v>67.088503592158915</v>
      </c>
      <c r="D108" s="77">
        <v>5.8511952136676442</v>
      </c>
      <c r="E108" s="280">
        <v>0.31793069675698038</v>
      </c>
      <c r="F108" s="281">
        <v>0.10424186678115015</v>
      </c>
      <c r="G108" s="280">
        <v>0.33888427523771175</v>
      </c>
      <c r="H108" s="281">
        <v>0.10576988776254322</v>
      </c>
    </row>
    <row r="109" spans="1:8">
      <c r="A109" s="52" t="s">
        <v>544</v>
      </c>
      <c r="B109" s="72">
        <v>55</v>
      </c>
      <c r="C109" s="73">
        <v>80.033362096528165</v>
      </c>
      <c r="D109" s="74">
        <v>5.4301832197781783</v>
      </c>
      <c r="E109" s="278">
        <v>0.14320062920814844</v>
      </c>
      <c r="F109" s="279">
        <v>9.7205309660181552E-2</v>
      </c>
      <c r="G109" s="278">
        <v>0.55964144421638973</v>
      </c>
      <c r="H109" s="279">
        <v>0.12938154512677738</v>
      </c>
    </row>
    <row r="110" spans="1:8">
      <c r="A110" s="44" t="s">
        <v>545</v>
      </c>
      <c r="B110" s="75">
        <v>631</v>
      </c>
      <c r="C110" s="76">
        <v>72.131043930354807</v>
      </c>
      <c r="D110" s="77">
        <v>1.8240073513219439</v>
      </c>
      <c r="E110" s="280">
        <v>0.21329995860629286</v>
      </c>
      <c r="F110" s="281">
        <v>3.2611806601111328E-2</v>
      </c>
      <c r="G110" s="280">
        <v>0.39158098832336863</v>
      </c>
      <c r="H110" s="281">
        <v>3.8751617042280008E-2</v>
      </c>
    </row>
    <row r="111" spans="1:8">
      <c r="A111" s="52" t="s">
        <v>546</v>
      </c>
      <c r="B111" s="72">
        <v>65</v>
      </c>
      <c r="C111" s="73">
        <v>66.750004778811387</v>
      </c>
      <c r="D111" s="74">
        <v>6.0149123800909159</v>
      </c>
      <c r="E111" s="278">
        <v>0.26033920202844824</v>
      </c>
      <c r="F111" s="279">
        <v>0.10741469761480568</v>
      </c>
      <c r="G111" s="278">
        <v>0.29972973052479396</v>
      </c>
      <c r="H111" s="279">
        <v>0.11148724601958616</v>
      </c>
    </row>
    <row r="112" spans="1:8">
      <c r="A112" s="44" t="s">
        <v>547</v>
      </c>
      <c r="B112" s="75">
        <v>147</v>
      </c>
      <c r="C112" s="76">
        <v>72.190999253645685</v>
      </c>
      <c r="D112" s="77">
        <v>3.9271946869554104</v>
      </c>
      <c r="E112" s="280">
        <v>0.19202256238741694</v>
      </c>
      <c r="F112" s="281">
        <v>6.512514907493383E-2</v>
      </c>
      <c r="G112" s="280">
        <v>0.42936532193220628</v>
      </c>
      <c r="H112" s="281">
        <v>8.0605584200177216E-2</v>
      </c>
    </row>
    <row r="113" spans="1:23">
      <c r="A113" s="52" t="s">
        <v>548</v>
      </c>
      <c r="B113" s="72">
        <v>165</v>
      </c>
      <c r="C113" s="73">
        <v>74.645075128098341</v>
      </c>
      <c r="D113" s="74">
        <v>3.4128241620798785</v>
      </c>
      <c r="E113" s="278">
        <v>0.18721274141573868</v>
      </c>
      <c r="F113" s="279">
        <v>6.0908429964561667E-2</v>
      </c>
      <c r="G113" s="278">
        <v>0.4376045422084659</v>
      </c>
      <c r="H113" s="279">
        <v>7.6350006727778044E-2</v>
      </c>
    </row>
    <row r="114" spans="1:23">
      <c r="A114" s="44" t="s">
        <v>549</v>
      </c>
      <c r="B114" s="75">
        <v>70</v>
      </c>
      <c r="C114" s="76">
        <v>70.12871666613043</v>
      </c>
      <c r="D114" s="77">
        <v>5.3554779395822978</v>
      </c>
      <c r="E114" s="280">
        <v>0.27739217998932103</v>
      </c>
      <c r="F114" s="281">
        <v>0.10543556612296738</v>
      </c>
      <c r="G114" s="280">
        <v>0.40464792092374807</v>
      </c>
      <c r="H114" s="281">
        <v>0.11434049117401829</v>
      </c>
    </row>
    <row r="115" spans="1:23">
      <c r="A115" s="52" t="s">
        <v>550</v>
      </c>
      <c r="B115" s="72">
        <v>116</v>
      </c>
      <c r="C115" s="73">
        <v>73.121227289071527</v>
      </c>
      <c r="D115" s="74">
        <v>4.0609195628622148</v>
      </c>
      <c r="E115" s="278">
        <v>0.20267880000244362</v>
      </c>
      <c r="F115" s="279">
        <v>7.4698328478230297E-2</v>
      </c>
      <c r="G115" s="278">
        <v>0.38656538963984632</v>
      </c>
      <c r="H115" s="279">
        <v>8.9064792789257718E-2</v>
      </c>
    </row>
    <row r="116" spans="1:23">
      <c r="A116" s="44" t="s">
        <v>551</v>
      </c>
      <c r="B116" s="75">
        <v>68</v>
      </c>
      <c r="C116" s="76">
        <v>68.794869267144875</v>
      </c>
      <c r="D116" s="77">
        <v>5.7648373314444514</v>
      </c>
      <c r="E116" s="280">
        <v>0.25655620263806683</v>
      </c>
      <c r="F116" s="281">
        <v>0.10465211898996739</v>
      </c>
      <c r="G116" s="280">
        <v>0.29090636294844069</v>
      </c>
      <c r="H116" s="281">
        <v>0.10826990618931942</v>
      </c>
    </row>
    <row r="117" spans="1:23" s="5" customFormat="1"/>
    <row r="119" spans="1:23" s="5" customFormat="1" ht="18.75">
      <c r="A119" s="334" t="s">
        <v>223</v>
      </c>
      <c r="B119" s="334"/>
      <c r="C119" s="334"/>
      <c r="D119" s="334"/>
      <c r="E119" s="334"/>
      <c r="F119" s="334"/>
      <c r="G119" s="334"/>
      <c r="H119" s="334"/>
      <c r="I119" s="334"/>
      <c r="J119" s="334"/>
      <c r="K119" s="334"/>
      <c r="L119" s="334"/>
      <c r="M119" s="334"/>
      <c r="N119" s="334"/>
      <c r="O119" s="334"/>
      <c r="P119" s="334"/>
      <c r="Q119" s="334"/>
      <c r="R119" s="334"/>
      <c r="S119" s="334"/>
      <c r="T119" s="334"/>
      <c r="U119" s="334"/>
      <c r="V119" s="334"/>
      <c r="W119" s="225"/>
    </row>
    <row r="120" spans="1:23" s="5" customFormat="1" ht="79.5" customHeight="1">
      <c r="A120" s="347" t="s">
        <v>579</v>
      </c>
      <c r="B120" s="347"/>
      <c r="C120" s="347"/>
      <c r="D120" s="347"/>
      <c r="E120" s="347"/>
      <c r="F120" s="347"/>
      <c r="G120" s="347"/>
      <c r="H120" s="347"/>
      <c r="I120" s="347"/>
      <c r="J120" s="347"/>
      <c r="K120" s="347"/>
      <c r="L120" s="347"/>
      <c r="M120" s="347"/>
      <c r="N120" s="347"/>
      <c r="O120" s="347"/>
      <c r="P120" s="347"/>
      <c r="Q120" s="347"/>
      <c r="R120" s="347"/>
      <c r="S120" s="347"/>
      <c r="T120" s="347"/>
      <c r="U120" s="347"/>
      <c r="V120" s="347"/>
    </row>
    <row r="121" spans="1:23" s="5" customFormat="1" ht="48.75" customHeight="1">
      <c r="A121" s="59" t="s">
        <v>245</v>
      </c>
      <c r="B121" s="342" t="s">
        <v>226</v>
      </c>
      <c r="C121" s="343"/>
      <c r="D121" s="343"/>
      <c r="E121" s="343"/>
      <c r="F121" s="343"/>
      <c r="G121" s="343"/>
      <c r="H121" s="344"/>
      <c r="I121" s="348" t="s">
        <v>225</v>
      </c>
      <c r="J121" s="349"/>
      <c r="K121" s="349"/>
      <c r="L121" s="349"/>
      <c r="M121" s="349"/>
      <c r="N121" s="349"/>
      <c r="O121" s="350"/>
      <c r="P121" s="348" t="s">
        <v>224</v>
      </c>
      <c r="Q121" s="349"/>
      <c r="R121" s="349"/>
      <c r="S121" s="349"/>
      <c r="T121" s="349"/>
      <c r="U121" s="349"/>
      <c r="V121" s="350"/>
    </row>
    <row r="122" spans="1:23" s="5" customFormat="1" ht="43.5" customHeight="1">
      <c r="A122" s="32" t="s">
        <v>71</v>
      </c>
      <c r="B122" s="60" t="s">
        <v>72</v>
      </c>
      <c r="C122" s="61" t="s">
        <v>588</v>
      </c>
      <c r="D122" s="62" t="s">
        <v>73</v>
      </c>
      <c r="E122" s="61" t="s">
        <v>330</v>
      </c>
      <c r="F122" s="62" t="s">
        <v>334</v>
      </c>
      <c r="G122" s="61" t="s">
        <v>332</v>
      </c>
      <c r="H122" s="62" t="s">
        <v>335</v>
      </c>
      <c r="I122" s="33" t="s">
        <v>72</v>
      </c>
      <c r="J122" s="34" t="s">
        <v>588</v>
      </c>
      <c r="K122" s="35" t="s">
        <v>73</v>
      </c>
      <c r="L122" s="33" t="s">
        <v>330</v>
      </c>
      <c r="M122" s="35" t="s">
        <v>334</v>
      </c>
      <c r="N122" s="34" t="s">
        <v>332</v>
      </c>
      <c r="O122" s="35" t="s">
        <v>334</v>
      </c>
      <c r="P122" s="60" t="s">
        <v>72</v>
      </c>
      <c r="Q122" s="61" t="s">
        <v>588</v>
      </c>
      <c r="R122" s="62" t="s">
        <v>73</v>
      </c>
      <c r="S122" s="60" t="s">
        <v>330</v>
      </c>
      <c r="T122" s="62" t="s">
        <v>334</v>
      </c>
      <c r="U122" s="61" t="s">
        <v>332</v>
      </c>
      <c r="V122" s="62" t="s">
        <v>334</v>
      </c>
    </row>
    <row r="123" spans="1:23" s="5" customFormat="1" ht="64.5" customHeight="1">
      <c r="A123" s="36"/>
      <c r="B123" s="63" t="s">
        <v>74</v>
      </c>
      <c r="C123" s="64" t="s">
        <v>246</v>
      </c>
      <c r="D123" s="65" t="s">
        <v>76</v>
      </c>
      <c r="E123" s="64" t="s">
        <v>331</v>
      </c>
      <c r="F123" s="65" t="s">
        <v>88</v>
      </c>
      <c r="G123" s="64" t="s">
        <v>333</v>
      </c>
      <c r="H123" s="65" t="s">
        <v>88</v>
      </c>
      <c r="I123" s="37" t="s">
        <v>74</v>
      </c>
      <c r="J123" s="38" t="s">
        <v>246</v>
      </c>
      <c r="K123" s="39" t="s">
        <v>76</v>
      </c>
      <c r="L123" s="37" t="s">
        <v>331</v>
      </c>
      <c r="M123" s="39" t="s">
        <v>88</v>
      </c>
      <c r="N123" s="123" t="s">
        <v>333</v>
      </c>
      <c r="O123" s="39" t="s">
        <v>88</v>
      </c>
      <c r="P123" s="63" t="s">
        <v>74</v>
      </c>
      <c r="Q123" s="64" t="s">
        <v>246</v>
      </c>
      <c r="R123" s="65" t="s">
        <v>76</v>
      </c>
      <c r="S123" s="63" t="s">
        <v>331</v>
      </c>
      <c r="T123" s="65" t="s">
        <v>88</v>
      </c>
      <c r="U123" s="254" t="s">
        <v>333</v>
      </c>
      <c r="V123" s="65" t="s">
        <v>88</v>
      </c>
    </row>
    <row r="124" spans="1:23" s="5" customFormat="1">
      <c r="A124" s="40" t="s">
        <v>349</v>
      </c>
      <c r="B124" s="66">
        <v>13595</v>
      </c>
      <c r="C124" s="67">
        <v>66.671008525665897</v>
      </c>
      <c r="D124" s="68">
        <v>0.4352659319735202</v>
      </c>
      <c r="E124" s="271">
        <v>0.29427832367242951</v>
      </c>
      <c r="F124" s="272">
        <v>7.8162492592661649E-3</v>
      </c>
      <c r="G124" s="271">
        <v>0.26440420139730286</v>
      </c>
      <c r="H124" s="272">
        <v>7.5642652928588853E-3</v>
      </c>
      <c r="I124" s="66">
        <v>13488</v>
      </c>
      <c r="J124" s="67">
        <v>66.618202836074161</v>
      </c>
      <c r="K124" s="68">
        <v>0.44084708176087417</v>
      </c>
      <c r="L124" s="271">
        <v>0.2976766307416695</v>
      </c>
      <c r="M124" s="272">
        <v>7.8733211221182799E-3</v>
      </c>
      <c r="N124" s="271">
        <v>0.27811808775732949</v>
      </c>
      <c r="O124" s="272">
        <v>7.715624666684703E-3</v>
      </c>
      <c r="P124" s="66">
        <v>13500</v>
      </c>
      <c r="Q124" s="67">
        <v>67.647801110856562</v>
      </c>
      <c r="R124" s="68">
        <v>0.4229868689948128</v>
      </c>
      <c r="S124" s="271">
        <v>0.28061620895654121</v>
      </c>
      <c r="T124" s="272">
        <v>7.7333229177852549E-3</v>
      </c>
      <c r="U124" s="271">
        <v>0.28447116453549126</v>
      </c>
      <c r="V124" s="272">
        <v>7.765346301956827E-3</v>
      </c>
    </row>
    <row r="125" spans="1:23" s="5" customFormat="1">
      <c r="A125" s="44" t="s">
        <v>350</v>
      </c>
      <c r="B125" s="69">
        <v>10073</v>
      </c>
      <c r="C125" s="70">
        <v>69.017358204016944</v>
      </c>
      <c r="D125" s="71">
        <v>0.49241329407288709</v>
      </c>
      <c r="E125" s="274">
        <v>0.25722059746896392</v>
      </c>
      <c r="F125" s="275">
        <v>8.7096425078187715E-3</v>
      </c>
      <c r="G125" s="274">
        <v>0.29983537550732603</v>
      </c>
      <c r="H125" s="275">
        <v>9.1293272634278416E-3</v>
      </c>
      <c r="I125" s="69">
        <v>9989</v>
      </c>
      <c r="J125" s="70">
        <v>68.856140725307412</v>
      </c>
      <c r="K125" s="71">
        <v>0.50027931883321508</v>
      </c>
      <c r="L125" s="274">
        <v>0.26323630773319057</v>
      </c>
      <c r="M125" s="275">
        <v>8.8118944317164601E-3</v>
      </c>
      <c r="N125" s="274">
        <v>0.31720661259196503</v>
      </c>
      <c r="O125" s="275">
        <v>9.3116068896594226E-3</v>
      </c>
      <c r="P125" s="69">
        <v>10003</v>
      </c>
      <c r="Q125" s="70">
        <v>70.109356682736859</v>
      </c>
      <c r="R125" s="71">
        <v>0.47747551305841629</v>
      </c>
      <c r="S125" s="274">
        <v>0.24142759489581603</v>
      </c>
      <c r="T125" s="275">
        <v>8.5572333156978906E-3</v>
      </c>
      <c r="U125" s="274">
        <v>0.32555929066739525</v>
      </c>
      <c r="V125" s="275">
        <v>9.3689092615848318E-3</v>
      </c>
    </row>
    <row r="126" spans="1:23" s="5" customFormat="1">
      <c r="A126" s="40" t="s">
        <v>351</v>
      </c>
      <c r="B126" s="49">
        <v>3522</v>
      </c>
      <c r="C126" s="50">
        <v>64.681314939341803</v>
      </c>
      <c r="D126" s="51">
        <v>0.89516544038157875</v>
      </c>
      <c r="E126" s="268">
        <v>0.3257031026945264</v>
      </c>
      <c r="F126" s="277">
        <v>1.5786776890086018E-2</v>
      </c>
      <c r="G126" s="268">
        <v>0.23435873096588655</v>
      </c>
      <c r="H126" s="277">
        <v>1.4273669403777344E-2</v>
      </c>
      <c r="I126" s="49">
        <v>3499</v>
      </c>
      <c r="J126" s="50">
        <v>64.722765909225885</v>
      </c>
      <c r="K126" s="51">
        <v>0.90037310350955169</v>
      </c>
      <c r="L126" s="268">
        <v>0.32684609979480589</v>
      </c>
      <c r="M126" s="277">
        <v>1.5852811422488372E-2</v>
      </c>
      <c r="N126" s="268">
        <v>0.24501179211611837</v>
      </c>
      <c r="O126" s="277">
        <v>1.4539438784733552E-2</v>
      </c>
      <c r="P126" s="49">
        <v>3497</v>
      </c>
      <c r="Q126" s="50">
        <v>65.559882620440547</v>
      </c>
      <c r="R126" s="51">
        <v>0.87150522196120939</v>
      </c>
      <c r="S126" s="268">
        <v>0.31385642211518133</v>
      </c>
      <c r="T126" s="277">
        <v>1.5688691668993459E-2</v>
      </c>
      <c r="U126" s="268">
        <v>0.24961976436098715</v>
      </c>
      <c r="V126" s="277">
        <v>1.4634572147230528E-2</v>
      </c>
    </row>
    <row r="127" spans="1:23" s="5" customFormat="1">
      <c r="A127" s="44" t="s">
        <v>533</v>
      </c>
      <c r="B127" s="69">
        <v>3136</v>
      </c>
      <c r="C127" s="70">
        <v>67.500168436026811</v>
      </c>
      <c r="D127" s="71">
        <v>0.86368611090248992</v>
      </c>
      <c r="E127" s="274">
        <v>0.28399929291693654</v>
      </c>
      <c r="F127" s="275">
        <v>1.6099313131471851E-2</v>
      </c>
      <c r="G127" s="274">
        <v>0.28009977532148184</v>
      </c>
      <c r="H127" s="275">
        <v>1.6032094124851438E-2</v>
      </c>
      <c r="I127" s="69">
        <v>3114</v>
      </c>
      <c r="J127" s="70">
        <v>67.307736197805156</v>
      </c>
      <c r="K127" s="71">
        <v>0.87130781245046585</v>
      </c>
      <c r="L127" s="274">
        <v>0.29099969453793956</v>
      </c>
      <c r="M127" s="275">
        <v>1.6273436256593332E-2</v>
      </c>
      <c r="N127" s="274">
        <v>0.29093915451639391</v>
      </c>
      <c r="O127" s="275">
        <v>1.6272441182834385E-2</v>
      </c>
      <c r="P127" s="69">
        <v>3120</v>
      </c>
      <c r="Q127" s="70">
        <v>68.797096630167346</v>
      </c>
      <c r="R127" s="71">
        <v>0.83570579063639217</v>
      </c>
      <c r="S127" s="274">
        <v>0.26892083062667871</v>
      </c>
      <c r="T127" s="275">
        <v>1.5871566452267446E-2</v>
      </c>
      <c r="U127" s="274">
        <v>0.2987042891544634</v>
      </c>
      <c r="V127" s="275">
        <v>1.6381485078016494E-2</v>
      </c>
    </row>
    <row r="128" spans="1:23" s="5" customFormat="1">
      <c r="A128" s="40" t="s">
        <v>534</v>
      </c>
      <c r="B128" s="49">
        <v>2497</v>
      </c>
      <c r="C128" s="50">
        <v>71.817239420663469</v>
      </c>
      <c r="D128" s="51">
        <v>0.9420300012458005</v>
      </c>
      <c r="E128" s="268">
        <v>0.21019247628216411</v>
      </c>
      <c r="F128" s="277">
        <v>1.6307718631705426E-2</v>
      </c>
      <c r="G128" s="268">
        <v>0.34691522838926203</v>
      </c>
      <c r="H128" s="277">
        <v>1.9038879583339368E-2</v>
      </c>
      <c r="I128" s="49">
        <v>2477</v>
      </c>
      <c r="J128" s="50">
        <v>71.908596593610625</v>
      </c>
      <c r="K128" s="51">
        <v>0.94987013679034216</v>
      </c>
      <c r="L128" s="268">
        <v>0.21228614865375522</v>
      </c>
      <c r="M128" s="277">
        <v>1.6432655272668992E-2</v>
      </c>
      <c r="N128" s="268">
        <v>0.35626946099191836</v>
      </c>
      <c r="O128" s="277">
        <v>1.9231846313916865E-2</v>
      </c>
      <c r="P128" s="49">
        <v>2485</v>
      </c>
      <c r="Q128" s="50">
        <v>73.26084559015348</v>
      </c>
      <c r="R128" s="51">
        <v>0.90787218820956228</v>
      </c>
      <c r="S128" s="268">
        <v>0.20054025951176463</v>
      </c>
      <c r="T128" s="277">
        <v>1.6065948062545334E-2</v>
      </c>
      <c r="U128" s="268">
        <v>0.37720261105620245</v>
      </c>
      <c r="V128" s="277">
        <v>1.943224794939628E-2</v>
      </c>
    </row>
    <row r="129" spans="1:22" s="5" customFormat="1">
      <c r="A129" s="44" t="s">
        <v>535</v>
      </c>
      <c r="B129" s="69">
        <v>483</v>
      </c>
      <c r="C129" s="70">
        <v>72.082204258155798</v>
      </c>
      <c r="D129" s="71">
        <v>1.9953317006583799</v>
      </c>
      <c r="E129" s="274">
        <v>0.19782315906980902</v>
      </c>
      <c r="F129" s="275">
        <v>3.627218228465795E-2</v>
      </c>
      <c r="G129" s="274">
        <v>0.3295992374477249</v>
      </c>
      <c r="H129" s="275">
        <v>4.2647363126385868E-2</v>
      </c>
      <c r="I129" s="69">
        <v>478</v>
      </c>
      <c r="J129" s="70">
        <v>72.988068099987942</v>
      </c>
      <c r="K129" s="71">
        <v>1.9908833681158631</v>
      </c>
      <c r="L129" s="274">
        <v>0.19883189981092655</v>
      </c>
      <c r="M129" s="275">
        <v>3.6529640092777239E-2</v>
      </c>
      <c r="N129" s="274">
        <v>0.35459284615602016</v>
      </c>
      <c r="O129" s="275">
        <v>4.361337385217328E-2</v>
      </c>
      <c r="P129" s="69">
        <v>481</v>
      </c>
      <c r="Q129" s="70">
        <v>74.303264815307244</v>
      </c>
      <c r="R129" s="71">
        <v>1.9554369626362034</v>
      </c>
      <c r="S129" s="274">
        <v>0.17263049327242455</v>
      </c>
      <c r="T129" s="275">
        <v>3.4532480689028318E-2</v>
      </c>
      <c r="U129" s="274">
        <v>0.38442234387006652</v>
      </c>
      <c r="V129" s="275">
        <v>4.4198356841551295E-2</v>
      </c>
    </row>
    <row r="130" spans="1:22" s="5" customFormat="1">
      <c r="A130" s="40" t="s">
        <v>536</v>
      </c>
      <c r="B130" s="49">
        <v>88</v>
      </c>
      <c r="C130" s="50">
        <v>72.967090889735303</v>
      </c>
      <c r="D130" s="51">
        <v>4.3222733736932231</v>
      </c>
      <c r="E130" s="268">
        <v>0.14792403495120393</v>
      </c>
      <c r="F130" s="277">
        <v>7.7062115662820091E-2</v>
      </c>
      <c r="G130" s="268">
        <v>0.30559101143702566</v>
      </c>
      <c r="H130" s="277">
        <v>9.6778592771151389E-2</v>
      </c>
      <c r="I130" s="49">
        <v>87</v>
      </c>
      <c r="J130" s="50">
        <v>72.823211161119474</v>
      </c>
      <c r="K130" s="51">
        <v>4.288724277301414</v>
      </c>
      <c r="L130" s="268">
        <v>0.15825064126392874</v>
      </c>
      <c r="M130" s="277">
        <v>7.9351547835225911E-2</v>
      </c>
      <c r="N130" s="268">
        <v>0.28295264196523223</v>
      </c>
      <c r="O130" s="277">
        <v>9.5374547207350488E-2</v>
      </c>
      <c r="P130" s="49">
        <v>88</v>
      </c>
      <c r="Q130" s="50">
        <v>73.868979064192615</v>
      </c>
      <c r="R130" s="51">
        <v>4.1792115984808644</v>
      </c>
      <c r="S130" s="268">
        <v>0.14966079521790568</v>
      </c>
      <c r="T130" s="277">
        <v>7.7376340246784941E-2</v>
      </c>
      <c r="U130" s="268">
        <v>0.35103288051624482</v>
      </c>
      <c r="V130" s="277">
        <v>9.9934003824296347E-2</v>
      </c>
    </row>
    <row r="131" spans="1:22" s="5" customFormat="1">
      <c r="A131" s="44" t="s">
        <v>537</v>
      </c>
      <c r="B131" s="69">
        <v>137</v>
      </c>
      <c r="C131" s="70">
        <v>72.449971003353937</v>
      </c>
      <c r="D131" s="71">
        <v>3.9353392610092222</v>
      </c>
      <c r="E131" s="274">
        <v>0.21673146351657074</v>
      </c>
      <c r="F131" s="275">
        <v>7.0307741696667758E-2</v>
      </c>
      <c r="G131" s="274">
        <v>0.34972570958802757</v>
      </c>
      <c r="H131" s="275">
        <v>8.0544376984932747E-2</v>
      </c>
      <c r="I131" s="69">
        <v>137</v>
      </c>
      <c r="J131" s="70">
        <v>72.124661399317148</v>
      </c>
      <c r="K131" s="71">
        <v>3.9863685233326471</v>
      </c>
      <c r="L131" s="274">
        <v>0.21835131075426933</v>
      </c>
      <c r="M131" s="275">
        <v>7.0481815021068428E-2</v>
      </c>
      <c r="N131" s="274">
        <v>0.36237170266414581</v>
      </c>
      <c r="O131" s="275">
        <v>8.1147428323533388E-2</v>
      </c>
      <c r="P131" s="69">
        <v>136</v>
      </c>
      <c r="Q131" s="70">
        <v>73.326469237332759</v>
      </c>
      <c r="R131" s="71">
        <v>3.9739592484276347</v>
      </c>
      <c r="S131" s="274">
        <v>0.21771095126754567</v>
      </c>
      <c r="T131" s="275">
        <v>7.0670541698684627E-2</v>
      </c>
      <c r="U131" s="274">
        <v>0.38354688774094337</v>
      </c>
      <c r="V131" s="275">
        <v>8.2323843997015575E-2</v>
      </c>
    </row>
    <row r="132" spans="1:22" s="5" customFormat="1">
      <c r="A132" s="40" t="s">
        <v>538</v>
      </c>
      <c r="B132" s="49">
        <v>106</v>
      </c>
      <c r="C132" s="50">
        <v>68.172989431111077</v>
      </c>
      <c r="D132" s="51">
        <v>4.188915399314932</v>
      </c>
      <c r="E132" s="268">
        <v>0.25527830526255785</v>
      </c>
      <c r="F132" s="277">
        <v>8.4075213693869569E-2</v>
      </c>
      <c r="G132" s="268">
        <v>0.30370418326281956</v>
      </c>
      <c r="H132" s="277">
        <v>8.8259808953302571E-2</v>
      </c>
      <c r="I132" s="49">
        <v>104</v>
      </c>
      <c r="J132" s="50">
        <v>70.720834003113751</v>
      </c>
      <c r="K132" s="51">
        <v>4.0853267763888752</v>
      </c>
      <c r="L132" s="268">
        <v>0.20653212653016223</v>
      </c>
      <c r="M132" s="277">
        <v>7.9381399708437148E-2</v>
      </c>
      <c r="N132" s="268">
        <v>0.35128657658570134</v>
      </c>
      <c r="O132" s="277">
        <v>9.2193873696360548E-2</v>
      </c>
      <c r="P132" s="49">
        <v>106</v>
      </c>
      <c r="Q132" s="50">
        <v>73.714033349176916</v>
      </c>
      <c r="R132" s="51">
        <v>3.8418361181229872</v>
      </c>
      <c r="S132" s="268">
        <v>0.17177652290713114</v>
      </c>
      <c r="T132" s="277">
        <v>7.3845502543416583E-2</v>
      </c>
      <c r="U132" s="268">
        <v>0.42072676107322837</v>
      </c>
      <c r="V132" s="277">
        <v>9.4226898291552563E-2</v>
      </c>
    </row>
    <row r="133" spans="1:22" s="5" customFormat="1">
      <c r="A133" s="44" t="s">
        <v>539</v>
      </c>
      <c r="B133" s="69">
        <v>152</v>
      </c>
      <c r="C133" s="70">
        <v>73.465899336970082</v>
      </c>
      <c r="D133" s="71">
        <v>3.6116850702427592</v>
      </c>
      <c r="E133" s="274">
        <v>0.17742355042656879</v>
      </c>
      <c r="F133" s="275">
        <v>6.2267455475086074E-2</v>
      </c>
      <c r="G133" s="274">
        <v>0.33993135199948088</v>
      </c>
      <c r="H133" s="275">
        <v>7.6069322253310714E-2</v>
      </c>
      <c r="I133" s="69">
        <v>150</v>
      </c>
      <c r="J133" s="70">
        <v>74.725323959849902</v>
      </c>
      <c r="K133" s="71">
        <v>3.5940149038377958</v>
      </c>
      <c r="L133" s="274">
        <v>0.19937106762824061</v>
      </c>
      <c r="M133" s="275">
        <v>6.5317649407155592E-2</v>
      </c>
      <c r="N133" s="274">
        <v>0.38055305701816589</v>
      </c>
      <c r="O133" s="275">
        <v>7.83704116535138E-2</v>
      </c>
      <c r="P133" s="69">
        <v>151</v>
      </c>
      <c r="Q133" s="70">
        <v>75.374442705376737</v>
      </c>
      <c r="R133" s="71">
        <v>3.5838331393989162</v>
      </c>
      <c r="S133" s="274">
        <v>0.15462302727982849</v>
      </c>
      <c r="T133" s="275">
        <v>5.9414772616683952E-2</v>
      </c>
      <c r="U133" s="274">
        <v>0.38022757772932847</v>
      </c>
      <c r="V133" s="275">
        <v>7.8104218653610405E-2</v>
      </c>
    </row>
    <row r="134" spans="1:22" s="5" customFormat="1">
      <c r="A134" s="40" t="s">
        <v>540</v>
      </c>
      <c r="B134" s="66">
        <v>340</v>
      </c>
      <c r="C134" s="67">
        <v>73.273821807295462</v>
      </c>
      <c r="D134" s="68">
        <v>2.5566629183152694</v>
      </c>
      <c r="E134" s="271">
        <v>0.19855409018973802</v>
      </c>
      <c r="F134" s="272">
        <v>4.329876260359608E-2</v>
      </c>
      <c r="G134" s="271">
        <v>0.36086267975339453</v>
      </c>
      <c r="H134" s="272">
        <v>5.183699881894132E-2</v>
      </c>
      <c r="I134" s="66">
        <v>335</v>
      </c>
      <c r="J134" s="67">
        <v>73.299670305041687</v>
      </c>
      <c r="K134" s="68">
        <v>2.5881695520681274</v>
      </c>
      <c r="L134" s="271">
        <v>0.22052536616905263</v>
      </c>
      <c r="M134" s="272">
        <v>4.5275461815012685E-2</v>
      </c>
      <c r="N134" s="271">
        <v>0.38298894168456366</v>
      </c>
      <c r="O134" s="272">
        <v>5.2840229078875839E-2</v>
      </c>
      <c r="P134" s="66">
        <v>339</v>
      </c>
      <c r="Q134" s="67">
        <v>75.029977910447087</v>
      </c>
      <c r="R134" s="68">
        <v>2.4800417944444986</v>
      </c>
      <c r="S134" s="271">
        <v>0.19188348479235709</v>
      </c>
      <c r="T134" s="272">
        <v>4.2825232713791454E-2</v>
      </c>
      <c r="U134" s="271">
        <v>0.39620108972949408</v>
      </c>
      <c r="V134" s="272">
        <v>5.284617807656361E-2</v>
      </c>
    </row>
    <row r="135" spans="1:22" s="5" customFormat="1">
      <c r="A135" s="44" t="s">
        <v>541</v>
      </c>
      <c r="B135" s="69">
        <v>113</v>
      </c>
      <c r="C135" s="70">
        <v>77.10972099274413</v>
      </c>
      <c r="D135" s="71">
        <v>4.0108694046109541</v>
      </c>
      <c r="E135" s="274">
        <v>0.13635778435433937</v>
      </c>
      <c r="F135" s="275">
        <v>6.5802484480391596E-2</v>
      </c>
      <c r="G135" s="274">
        <v>0.40659888388771409</v>
      </c>
      <c r="H135" s="275">
        <v>9.0932967134020964E-2</v>
      </c>
      <c r="I135" s="69">
        <v>110</v>
      </c>
      <c r="J135" s="70">
        <v>76.843609229324215</v>
      </c>
      <c r="K135" s="71">
        <v>4.1547568981658749</v>
      </c>
      <c r="L135" s="274">
        <v>0.15841755218056275</v>
      </c>
      <c r="M135" s="275">
        <v>7.0428700409811792E-2</v>
      </c>
      <c r="N135" s="274">
        <v>0.41340112003025242</v>
      </c>
      <c r="O135" s="275">
        <v>9.2341409322651793E-2</v>
      </c>
      <c r="P135" s="69">
        <v>112</v>
      </c>
      <c r="Q135" s="70">
        <v>77.0504466680148</v>
      </c>
      <c r="R135" s="71">
        <v>4.0523259642729537</v>
      </c>
      <c r="S135" s="274">
        <v>0.14501116453939086</v>
      </c>
      <c r="T135" s="275">
        <v>6.7600223779909388E-2</v>
      </c>
      <c r="U135" s="274">
        <v>0.38822851572435185</v>
      </c>
      <c r="V135" s="275">
        <v>9.065924404714E-2</v>
      </c>
    </row>
    <row r="136" spans="1:22" s="5" customFormat="1">
      <c r="A136" s="40" t="s">
        <v>542</v>
      </c>
      <c r="B136" s="49">
        <v>95</v>
      </c>
      <c r="C136" s="50">
        <v>71.674715877808168</v>
      </c>
      <c r="D136" s="51">
        <v>4.9744804472353623</v>
      </c>
      <c r="E136" s="268">
        <v>0.20520255174382204</v>
      </c>
      <c r="F136" s="277">
        <v>8.2871511091006586E-2</v>
      </c>
      <c r="G136" s="268">
        <v>0.29375097066446038</v>
      </c>
      <c r="H136" s="277">
        <v>9.229495138187957E-2</v>
      </c>
      <c r="I136" s="49">
        <v>94</v>
      </c>
      <c r="J136" s="50">
        <v>73.444661481772869</v>
      </c>
      <c r="K136" s="51">
        <v>4.8185011102083681</v>
      </c>
      <c r="L136" s="268">
        <v>0.21484574434298465</v>
      </c>
      <c r="M136" s="277">
        <v>8.4561142506584669E-2</v>
      </c>
      <c r="N136" s="268">
        <v>0.33722545127271997</v>
      </c>
      <c r="O136" s="277">
        <v>9.5964110588689519E-2</v>
      </c>
      <c r="P136" s="49">
        <v>95</v>
      </c>
      <c r="Q136" s="50">
        <v>75.580480531522312</v>
      </c>
      <c r="R136" s="51">
        <v>4.61748203877195</v>
      </c>
      <c r="S136" s="268">
        <v>0.18890155903054304</v>
      </c>
      <c r="T136" s="277">
        <v>8.0623968513415967E-2</v>
      </c>
      <c r="U136" s="268">
        <v>0.37117340057456416</v>
      </c>
      <c r="V136" s="277">
        <v>9.7383492393290486E-2</v>
      </c>
    </row>
    <row r="137" spans="1:22" s="5" customFormat="1">
      <c r="A137" s="44" t="s">
        <v>543</v>
      </c>
      <c r="B137" s="69">
        <v>77</v>
      </c>
      <c r="C137" s="70">
        <v>66.823893715535689</v>
      </c>
      <c r="D137" s="71">
        <v>6.2358851491080598</v>
      </c>
      <c r="E137" s="274">
        <v>0.28631763311542108</v>
      </c>
      <c r="F137" s="275">
        <v>0.10152859881932361</v>
      </c>
      <c r="G137" s="274">
        <v>0.30295471681726888</v>
      </c>
      <c r="H137" s="275">
        <v>0.10301940873786702</v>
      </c>
      <c r="I137" s="69">
        <v>76</v>
      </c>
      <c r="J137" s="70">
        <v>65.813028115894213</v>
      </c>
      <c r="K137" s="71">
        <v>6.2948859924828184</v>
      </c>
      <c r="L137" s="274">
        <v>0.33459936487297365</v>
      </c>
      <c r="M137" s="275">
        <v>0.10613905348277032</v>
      </c>
      <c r="N137" s="274">
        <v>0.33254691944328629</v>
      </c>
      <c r="O137" s="275">
        <v>0.10599373045029367</v>
      </c>
      <c r="P137" s="69">
        <v>77</v>
      </c>
      <c r="Q137" s="70">
        <v>68.75412018199151</v>
      </c>
      <c r="R137" s="71">
        <v>5.779359111141753</v>
      </c>
      <c r="S137" s="274">
        <v>0.2794955346199382</v>
      </c>
      <c r="T137" s="275">
        <v>0.10087552592314122</v>
      </c>
      <c r="U137" s="274">
        <v>0.31292072632017226</v>
      </c>
      <c r="V137" s="275">
        <v>0.10384524408142314</v>
      </c>
    </row>
    <row r="138" spans="1:22" s="5" customFormat="1">
      <c r="A138" s="52" t="s">
        <v>544</v>
      </c>
      <c r="B138" s="66">
        <v>55</v>
      </c>
      <c r="C138" s="67">
        <v>80.431800377098028</v>
      </c>
      <c r="D138" s="68">
        <v>5.2959503445590856</v>
      </c>
      <c r="E138" s="271">
        <v>0.16608062158669973</v>
      </c>
      <c r="F138" s="272">
        <v>0.10188204485436171</v>
      </c>
      <c r="G138" s="271">
        <v>0.5344760068123382</v>
      </c>
      <c r="H138" s="272">
        <v>0.12991969022602595</v>
      </c>
      <c r="I138" s="66">
        <v>55</v>
      </c>
      <c r="J138" s="67">
        <v>78.77532894042686</v>
      </c>
      <c r="K138" s="68">
        <v>5.7244584181567779</v>
      </c>
      <c r="L138" s="271">
        <v>0.16608062158669973</v>
      </c>
      <c r="M138" s="272">
        <v>0.10188204485436171</v>
      </c>
      <c r="N138" s="271">
        <v>0.52512190346216647</v>
      </c>
      <c r="O138" s="272">
        <v>0.13004603184675054</v>
      </c>
      <c r="P138" s="66">
        <v>55</v>
      </c>
      <c r="Q138" s="67">
        <v>80.892956972059579</v>
      </c>
      <c r="R138" s="68">
        <v>5.8145422960048521</v>
      </c>
      <c r="S138" s="271">
        <v>0.1445269902282254</v>
      </c>
      <c r="T138" s="272">
        <v>9.7491186553408576E-2</v>
      </c>
      <c r="U138" s="271">
        <v>0.64580314158491192</v>
      </c>
      <c r="V138" s="272">
        <v>0.12528645078724859</v>
      </c>
    </row>
    <row r="139" spans="1:22" s="5" customFormat="1">
      <c r="A139" s="44" t="s">
        <v>545</v>
      </c>
      <c r="B139" s="69">
        <v>633</v>
      </c>
      <c r="C139" s="70">
        <v>71.450617242838987</v>
      </c>
      <c r="D139" s="71">
        <v>1.9134563233044783</v>
      </c>
      <c r="E139" s="274">
        <v>0.20704522088941302</v>
      </c>
      <c r="F139" s="275">
        <v>3.2213177966960327E-2</v>
      </c>
      <c r="G139" s="274">
        <v>0.36108385791966513</v>
      </c>
      <c r="H139" s="275">
        <v>3.8081454611830184E-2</v>
      </c>
      <c r="I139" s="69">
        <v>629</v>
      </c>
      <c r="J139" s="70">
        <v>71.671213000096003</v>
      </c>
      <c r="K139" s="71">
        <v>1.9184471740255693</v>
      </c>
      <c r="L139" s="274">
        <v>0.21309307382289067</v>
      </c>
      <c r="M139" s="275">
        <v>3.2652263525917179E-2</v>
      </c>
      <c r="N139" s="274">
        <v>0.37153882433384061</v>
      </c>
      <c r="O139" s="275">
        <v>3.8429322247629127E-2</v>
      </c>
      <c r="P139" s="69">
        <v>630</v>
      </c>
      <c r="Q139" s="70">
        <v>73.136460521782737</v>
      </c>
      <c r="R139" s="71">
        <v>1.8308175101578519</v>
      </c>
      <c r="S139" s="274">
        <v>0.19724060233458432</v>
      </c>
      <c r="T139" s="275">
        <v>3.1721355099616336E-2</v>
      </c>
      <c r="U139" s="274">
        <v>0.37746102776528756</v>
      </c>
      <c r="V139" s="275">
        <v>3.851936924280927E-2</v>
      </c>
    </row>
    <row r="140" spans="1:22" s="5" customFormat="1">
      <c r="A140" s="52" t="s">
        <v>546</v>
      </c>
      <c r="B140" s="66">
        <v>65</v>
      </c>
      <c r="C140" s="67">
        <v>66.091390448645683</v>
      </c>
      <c r="D140" s="68">
        <v>6.2323521256225165</v>
      </c>
      <c r="E140" s="271">
        <v>0.23844564217981923</v>
      </c>
      <c r="F140" s="272">
        <v>0.10475398027596858</v>
      </c>
      <c r="G140" s="271">
        <v>0.21740017456492511</v>
      </c>
      <c r="H140" s="272">
        <v>0.10190316179573264</v>
      </c>
      <c r="I140" s="66">
        <v>64</v>
      </c>
      <c r="J140" s="67">
        <v>67.044201739562851</v>
      </c>
      <c r="K140" s="68">
        <v>6.1345931818617299</v>
      </c>
      <c r="L140" s="271">
        <v>0.23962705399143214</v>
      </c>
      <c r="M140" s="272">
        <v>0.10570411547628218</v>
      </c>
      <c r="N140" s="271">
        <v>0.31515494917410103</v>
      </c>
      <c r="O140" s="272">
        <v>0.11369044877903782</v>
      </c>
      <c r="P140" s="66">
        <v>65</v>
      </c>
      <c r="Q140" s="67">
        <v>67.093194860025505</v>
      </c>
      <c r="R140" s="68">
        <v>6.0538117485094078</v>
      </c>
      <c r="S140" s="271">
        <v>0.22228419847251626</v>
      </c>
      <c r="T140" s="272">
        <v>0.10259160441970944</v>
      </c>
      <c r="U140" s="271">
        <v>0.29147014069728605</v>
      </c>
      <c r="V140" s="272">
        <v>0.11070547582626884</v>
      </c>
    </row>
    <row r="141" spans="1:22" s="5" customFormat="1">
      <c r="A141" s="44" t="s">
        <v>547</v>
      </c>
      <c r="B141" s="69">
        <v>147</v>
      </c>
      <c r="C141" s="70">
        <v>71.076808733566438</v>
      </c>
      <c r="D141" s="71">
        <v>4.0360023623002448</v>
      </c>
      <c r="E141" s="274">
        <v>0.22607662260550856</v>
      </c>
      <c r="F141" s="275">
        <v>6.8838738962401586E-2</v>
      </c>
      <c r="G141" s="274">
        <v>0.39680357086883511</v>
      </c>
      <c r="H141" s="275">
        <v>7.9719248439785395E-2</v>
      </c>
      <c r="I141" s="69">
        <v>146</v>
      </c>
      <c r="J141" s="70">
        <v>72.688431874401857</v>
      </c>
      <c r="K141" s="71">
        <v>4.0990372108579454</v>
      </c>
      <c r="L141" s="274">
        <v>0.21722839006841238</v>
      </c>
      <c r="M141" s="275">
        <v>6.8166047874629376E-2</v>
      </c>
      <c r="N141" s="274">
        <v>0.41793896223446547</v>
      </c>
      <c r="O141" s="275">
        <v>8.0601132309291182E-2</v>
      </c>
      <c r="P141" s="69">
        <v>147</v>
      </c>
      <c r="Q141" s="70">
        <v>72.705431440035625</v>
      </c>
      <c r="R141" s="71">
        <v>3.9517023285869479</v>
      </c>
      <c r="S141" s="274">
        <v>0.19795016796068968</v>
      </c>
      <c r="T141" s="275">
        <v>6.5818428265323595E-2</v>
      </c>
      <c r="U141" s="274">
        <v>0.39602409937073363</v>
      </c>
      <c r="V141" s="275">
        <v>7.9693816944530871E-2</v>
      </c>
    </row>
    <row r="142" spans="1:22" s="5" customFormat="1">
      <c r="A142" s="52" t="s">
        <v>548</v>
      </c>
      <c r="B142" s="66">
        <v>165</v>
      </c>
      <c r="C142" s="67">
        <v>75.176906504156761</v>
      </c>
      <c r="D142" s="68">
        <v>3.5005943906134482</v>
      </c>
      <c r="E142" s="271">
        <v>0.15277399211678844</v>
      </c>
      <c r="F142" s="272">
        <v>5.6542138960893239E-2</v>
      </c>
      <c r="G142" s="271">
        <v>0.41092804054834053</v>
      </c>
      <c r="H142" s="272">
        <v>7.5750650847948034E-2</v>
      </c>
      <c r="I142" s="66">
        <v>165</v>
      </c>
      <c r="J142" s="67">
        <v>73.384921162514843</v>
      </c>
      <c r="K142" s="68">
        <v>3.7828334339485039</v>
      </c>
      <c r="L142" s="271">
        <v>0.17750389284670903</v>
      </c>
      <c r="M142" s="272">
        <v>5.97551713855662E-2</v>
      </c>
      <c r="N142" s="271">
        <v>0.43113970682805136</v>
      </c>
      <c r="O142" s="272">
        <v>7.6224530482000646E-2</v>
      </c>
      <c r="P142" s="66">
        <v>164</v>
      </c>
      <c r="Q142" s="67">
        <v>75.327902015392539</v>
      </c>
      <c r="R142" s="68">
        <v>3.4645007601624034</v>
      </c>
      <c r="S142" s="271">
        <v>0.16578717710710644</v>
      </c>
      <c r="T142" s="272">
        <v>5.8463955208191004E-2</v>
      </c>
      <c r="U142" s="271">
        <v>0.43428390044547815</v>
      </c>
      <c r="V142" s="272">
        <v>7.6514018939973352E-2</v>
      </c>
    </row>
    <row r="143" spans="1:22" s="5" customFormat="1">
      <c r="A143" s="44" t="s">
        <v>549</v>
      </c>
      <c r="B143" s="69">
        <v>70</v>
      </c>
      <c r="C143" s="70">
        <v>68.966930432886187</v>
      </c>
      <c r="D143" s="71">
        <v>5.6085152650466119</v>
      </c>
      <c r="E143" s="274">
        <v>0.27739217998932103</v>
      </c>
      <c r="F143" s="275">
        <v>0.10543556612296738</v>
      </c>
      <c r="G143" s="274">
        <v>0.3735062815568268</v>
      </c>
      <c r="H143" s="275">
        <v>0.11286978600801674</v>
      </c>
      <c r="I143" s="69">
        <v>70</v>
      </c>
      <c r="J143" s="70">
        <v>69.605002201872466</v>
      </c>
      <c r="K143" s="71">
        <v>5.4997844490040926</v>
      </c>
      <c r="L143" s="274">
        <v>0.25872469065729786</v>
      </c>
      <c r="M143" s="275">
        <v>0.10343022580632057</v>
      </c>
      <c r="N143" s="274">
        <v>0.34146496238866658</v>
      </c>
      <c r="O143" s="275">
        <v>0.11089569630217</v>
      </c>
      <c r="P143" s="69">
        <v>70</v>
      </c>
      <c r="Q143" s="70">
        <v>71.814217363632693</v>
      </c>
      <c r="R143" s="71">
        <v>5.2954889196891646</v>
      </c>
      <c r="S143" s="274">
        <v>0.28047374975516787</v>
      </c>
      <c r="T143" s="275">
        <v>0.10574761854960668</v>
      </c>
      <c r="U143" s="274">
        <v>0.34867739535554121</v>
      </c>
      <c r="V143" s="275">
        <v>0.11138200162557904</v>
      </c>
    </row>
    <row r="144" spans="1:22" s="5" customFormat="1">
      <c r="A144" s="52" t="s">
        <v>550</v>
      </c>
      <c r="B144" s="66">
        <v>117</v>
      </c>
      <c r="C144" s="67">
        <v>72.562236034841575</v>
      </c>
      <c r="D144" s="68">
        <v>4.3400310511840532</v>
      </c>
      <c r="E144" s="271">
        <v>0.1938292375252692</v>
      </c>
      <c r="F144" s="272">
        <v>7.3260487113186987E-2</v>
      </c>
      <c r="G144" s="271">
        <v>0.36735344328412045</v>
      </c>
      <c r="H144" s="272">
        <v>8.7867100184707725E-2</v>
      </c>
      <c r="I144" s="66">
        <v>116</v>
      </c>
      <c r="J144" s="67">
        <v>72.255705570396898</v>
      </c>
      <c r="K144" s="68">
        <v>4.3196764116421527</v>
      </c>
      <c r="L144" s="271">
        <v>0.20845269523822429</v>
      </c>
      <c r="M144" s="272">
        <v>7.5403885890987163E-2</v>
      </c>
      <c r="N144" s="271">
        <v>0.34305826905367426</v>
      </c>
      <c r="O144" s="272">
        <v>8.6983518125167719E-2</v>
      </c>
      <c r="P144" s="66">
        <v>116</v>
      </c>
      <c r="Q144" s="67">
        <v>74.800261058959578</v>
      </c>
      <c r="R144" s="68">
        <v>3.8184126464138108</v>
      </c>
      <c r="S144" s="271">
        <v>0.16743756017069811</v>
      </c>
      <c r="T144" s="272">
        <v>6.991721826296296E-2</v>
      </c>
      <c r="U144" s="271">
        <v>0.36019744151394939</v>
      </c>
      <c r="V144" s="272">
        <v>8.788942142194496E-2</v>
      </c>
    </row>
    <row r="145" spans="1:45" s="5" customFormat="1">
      <c r="A145" s="44" t="s">
        <v>551</v>
      </c>
      <c r="B145" s="69">
        <v>69</v>
      </c>
      <c r="C145" s="70">
        <v>65.967952980125858</v>
      </c>
      <c r="D145" s="71">
        <v>6.3934390675765869</v>
      </c>
      <c r="E145" s="274">
        <v>0.27181938523569188</v>
      </c>
      <c r="F145" s="275">
        <v>0.10559244133623319</v>
      </c>
      <c r="G145" s="274">
        <v>0.26708396851144589</v>
      </c>
      <c r="H145" s="275">
        <v>0.10508507509221202</v>
      </c>
      <c r="I145" s="69">
        <v>68</v>
      </c>
      <c r="J145" s="70">
        <v>69.268885685240306</v>
      </c>
      <c r="K145" s="71">
        <v>5.8182326192187626</v>
      </c>
      <c r="L145" s="274">
        <v>0.25655620263806683</v>
      </c>
      <c r="M145" s="275">
        <v>0.10465211898996739</v>
      </c>
      <c r="N145" s="274">
        <v>0.27611462420729166</v>
      </c>
      <c r="O145" s="275">
        <v>0.10679420489725283</v>
      </c>
      <c r="P145" s="69">
        <v>68</v>
      </c>
      <c r="Q145" s="70">
        <v>69.980440092870111</v>
      </c>
      <c r="R145" s="71">
        <v>6.1173338121329213</v>
      </c>
      <c r="S145" s="274">
        <v>0.26178912033818502</v>
      </c>
      <c r="T145" s="275">
        <v>0.10524716296309707</v>
      </c>
      <c r="U145" s="274">
        <v>0.32274047997122979</v>
      </c>
      <c r="V145" s="275">
        <v>0.11104886302594594</v>
      </c>
    </row>
    <row r="146" spans="1:45" s="5" customFormat="1"/>
    <row r="148" spans="1:45" customFormat="1" ht="18.75">
      <c r="A148" s="334" t="s">
        <v>248</v>
      </c>
      <c r="B148" s="334"/>
      <c r="C148" s="334"/>
      <c r="D148" s="334"/>
      <c r="E148" s="334"/>
      <c r="F148" s="334"/>
      <c r="G148" s="334"/>
      <c r="H148" s="334"/>
      <c r="I148" s="334"/>
      <c r="J148" s="334"/>
      <c r="K148" s="334"/>
      <c r="L148" s="224"/>
      <c r="M148" s="224"/>
      <c r="N148" s="224"/>
      <c r="O148" s="224"/>
      <c r="P148" s="242"/>
      <c r="Q148" s="242"/>
      <c r="R148" s="242"/>
      <c r="S148" s="242"/>
    </row>
    <row r="149" spans="1:45" customFormat="1" ht="69.75" customHeight="1">
      <c r="A149" s="335" t="s">
        <v>580</v>
      </c>
      <c r="B149" s="335"/>
      <c r="C149" s="335"/>
      <c r="D149" s="335"/>
      <c r="E149" s="335"/>
      <c r="F149" s="335"/>
      <c r="G149" s="335"/>
      <c r="H149" s="335"/>
      <c r="I149" s="335"/>
      <c r="J149" s="335"/>
      <c r="K149" s="335"/>
      <c r="L149" s="249"/>
      <c r="M149" s="249"/>
      <c r="N149" s="249"/>
      <c r="O149" s="249"/>
      <c r="P149" s="242"/>
      <c r="Q149" s="242"/>
      <c r="R149" s="242"/>
      <c r="S149" s="242"/>
    </row>
    <row r="150" spans="1:45" customFormat="1" ht="49.5" customHeight="1">
      <c r="A150" s="339" t="s">
        <v>249</v>
      </c>
      <c r="B150" s="340"/>
      <c r="C150" s="340"/>
      <c r="D150" s="341"/>
      <c r="E150" s="339" t="s">
        <v>324</v>
      </c>
      <c r="F150" s="340"/>
      <c r="G150" s="340"/>
      <c r="H150" s="340"/>
      <c r="I150" s="340"/>
      <c r="J150" s="340"/>
      <c r="K150" s="341"/>
      <c r="L150" s="289"/>
      <c r="M150" s="289"/>
      <c r="N150" s="289"/>
      <c r="O150" s="289"/>
      <c r="P150" s="289"/>
      <c r="Q150" s="289"/>
      <c r="R150" s="289"/>
      <c r="S150" s="289"/>
      <c r="T150" s="289"/>
      <c r="U150" s="289"/>
      <c r="V150" s="289"/>
      <c r="W150" s="289"/>
      <c r="X150" s="289"/>
      <c r="Y150" s="289"/>
      <c r="Z150" s="289"/>
      <c r="AA150" s="289"/>
      <c r="AB150" s="289"/>
      <c r="AC150" s="289"/>
      <c r="AD150" s="289"/>
      <c r="AE150" s="289"/>
      <c r="AF150" s="289"/>
      <c r="AG150" s="289"/>
      <c r="AH150" s="289"/>
      <c r="AI150" s="289"/>
      <c r="AJ150" s="289"/>
      <c r="AK150" s="289"/>
      <c r="AL150" s="289"/>
      <c r="AM150" s="289"/>
      <c r="AN150" s="289"/>
      <c r="AO150" s="289"/>
      <c r="AP150" s="289"/>
      <c r="AQ150" s="289"/>
      <c r="AR150" s="289"/>
      <c r="AS150" s="289"/>
    </row>
    <row r="151" spans="1:45" customFormat="1" ht="72">
      <c r="A151" s="32" t="s">
        <v>71</v>
      </c>
      <c r="B151" s="33" t="s">
        <v>72</v>
      </c>
      <c r="C151" s="34" t="s">
        <v>588</v>
      </c>
      <c r="D151" s="35" t="s">
        <v>73</v>
      </c>
      <c r="E151" s="60" t="s">
        <v>72</v>
      </c>
      <c r="F151" s="60" t="s">
        <v>280</v>
      </c>
      <c r="G151" s="83" t="s">
        <v>283</v>
      </c>
      <c r="H151" s="60" t="s">
        <v>281</v>
      </c>
      <c r="I151" s="83" t="s">
        <v>284</v>
      </c>
      <c r="J151" s="60" t="s">
        <v>282</v>
      </c>
      <c r="K151" s="83" t="s">
        <v>285</v>
      </c>
    </row>
    <row r="152" spans="1:45" customFormat="1" ht="60">
      <c r="A152" s="36"/>
      <c r="B152" s="37" t="s">
        <v>74</v>
      </c>
      <c r="C152" s="38" t="s">
        <v>357</v>
      </c>
      <c r="D152" s="39" t="s">
        <v>76</v>
      </c>
      <c r="E152" s="63" t="s">
        <v>74</v>
      </c>
      <c r="F152" s="63" t="s">
        <v>455</v>
      </c>
      <c r="G152" s="85" t="s">
        <v>88</v>
      </c>
      <c r="H152" s="63" t="s">
        <v>456</v>
      </c>
      <c r="I152" s="85" t="s">
        <v>88</v>
      </c>
      <c r="J152" s="63" t="s">
        <v>457</v>
      </c>
      <c r="K152" s="85" t="s">
        <v>88</v>
      </c>
    </row>
    <row r="153" spans="1:45" customFormat="1">
      <c r="A153" s="40" t="s">
        <v>349</v>
      </c>
      <c r="B153" s="146">
        <v>6468</v>
      </c>
      <c r="C153" s="79">
        <v>6.800068182731672</v>
      </c>
      <c r="D153" s="80">
        <v>5.681447164843071E-2</v>
      </c>
      <c r="E153" s="78">
        <v>6468</v>
      </c>
      <c r="F153" s="93">
        <v>0.36827973299306516</v>
      </c>
      <c r="G153" s="89">
        <v>1.1991736213723708E-2</v>
      </c>
      <c r="H153" s="93">
        <v>0.27035640952930895</v>
      </c>
      <c r="I153" s="89">
        <v>1.1043486020605384E-2</v>
      </c>
      <c r="J153" s="93">
        <v>0.36136385747762279</v>
      </c>
      <c r="K153" s="89">
        <v>1.1943515867995757E-2</v>
      </c>
    </row>
    <row r="154" spans="1:45" customFormat="1">
      <c r="A154" s="44" t="s">
        <v>350</v>
      </c>
      <c r="B154" s="44">
        <v>5924</v>
      </c>
      <c r="C154" s="148">
        <v>6.7993681235548804</v>
      </c>
      <c r="D154" s="149">
        <v>5.9403315274579149E-2</v>
      </c>
      <c r="E154" s="120">
        <v>5924</v>
      </c>
      <c r="F154" s="144">
        <v>0.36765683379411906</v>
      </c>
      <c r="G154" s="92">
        <v>1.252551821664807E-2</v>
      </c>
      <c r="H154" s="145">
        <v>0.27224640288971447</v>
      </c>
      <c r="I154" s="92">
        <v>1.1564472727911175E-2</v>
      </c>
      <c r="J154" s="145">
        <v>0.36009676331617407</v>
      </c>
      <c r="K154" s="92">
        <v>1.2470031271905732E-2</v>
      </c>
    </row>
    <row r="155" spans="1:45" customFormat="1">
      <c r="A155" s="40" t="s">
        <v>351</v>
      </c>
      <c r="B155" s="48">
        <v>544</v>
      </c>
      <c r="C155" s="79">
        <v>6.8023257744976577</v>
      </c>
      <c r="D155" s="80">
        <v>0.19457927431811514</v>
      </c>
      <c r="E155" s="78">
        <v>544</v>
      </c>
      <c r="F155" s="93">
        <v>0.37028849475106418</v>
      </c>
      <c r="G155" s="89">
        <v>4.1277028349586686E-2</v>
      </c>
      <c r="H155" s="93">
        <v>0.26426144843183563</v>
      </c>
      <c r="I155" s="89">
        <v>3.7750202223659338E-2</v>
      </c>
      <c r="J155" s="93">
        <v>0.3654500568170983</v>
      </c>
      <c r="K155" s="89">
        <v>4.1165469517478494E-2</v>
      </c>
    </row>
    <row r="156" spans="1:45" customFormat="1">
      <c r="A156" s="44" t="s">
        <v>533</v>
      </c>
      <c r="B156" s="44">
        <v>1737</v>
      </c>
      <c r="C156" s="148">
        <v>7.032820651631738</v>
      </c>
      <c r="D156" s="149">
        <v>0.10520709906135657</v>
      </c>
      <c r="E156" s="120">
        <v>1737</v>
      </c>
      <c r="F156" s="144">
        <v>0.34142945593353302</v>
      </c>
      <c r="G156" s="92">
        <v>2.2734932944932236E-2</v>
      </c>
      <c r="H156" s="145">
        <v>0.27524424420329874</v>
      </c>
      <c r="I156" s="92">
        <v>2.1420904493665432E-2</v>
      </c>
      <c r="J156" s="145">
        <v>0.38332629986316519</v>
      </c>
      <c r="K156" s="92">
        <v>2.3307732161986644E-2</v>
      </c>
    </row>
    <row r="157" spans="1:45" customFormat="1">
      <c r="A157" s="40" t="s">
        <v>534</v>
      </c>
      <c r="B157" s="48">
        <v>1613</v>
      </c>
      <c r="C157" s="79">
        <v>7.0355435430178543</v>
      </c>
      <c r="D157" s="80">
        <v>0.10955083314503397</v>
      </c>
      <c r="E157" s="78">
        <v>1613</v>
      </c>
      <c r="F157" s="93">
        <v>0.33661993252227618</v>
      </c>
      <c r="G157" s="89">
        <v>2.3510092164793186E-2</v>
      </c>
      <c r="H157" s="93">
        <v>0.27146078080600916</v>
      </c>
      <c r="I157" s="89">
        <v>2.2132893219529579E-2</v>
      </c>
      <c r="J157" s="93">
        <v>0.39191928667171622</v>
      </c>
      <c r="K157" s="89">
        <v>2.4283232930289278E-2</v>
      </c>
    </row>
    <row r="158" spans="1:45" customFormat="1">
      <c r="A158" s="44" t="s">
        <v>535</v>
      </c>
      <c r="B158" s="44">
        <v>310</v>
      </c>
      <c r="C158" s="148">
        <v>7.1088743113867903</v>
      </c>
      <c r="D158" s="149">
        <v>0.24030329078013637</v>
      </c>
      <c r="E158" s="120">
        <v>310</v>
      </c>
      <c r="F158" s="144">
        <v>0.32624829330042326</v>
      </c>
      <c r="G158" s="92">
        <v>5.3008184500833555E-2</v>
      </c>
      <c r="H158" s="145">
        <v>0.2770715365197764</v>
      </c>
      <c r="I158" s="92">
        <v>5.0672044523821493E-2</v>
      </c>
      <c r="J158" s="145">
        <v>0.39668017017980345</v>
      </c>
      <c r="K158" s="92">
        <v>5.5246437432277418E-2</v>
      </c>
    </row>
    <row r="159" spans="1:45" customFormat="1">
      <c r="A159" s="40" t="s">
        <v>536</v>
      </c>
      <c r="B159" s="48">
        <v>60</v>
      </c>
      <c r="C159" s="79">
        <v>7.3190866867921409</v>
      </c>
      <c r="D159" s="80">
        <v>0.59506641801546778</v>
      </c>
      <c r="E159" s="78">
        <v>60</v>
      </c>
      <c r="F159" s="93">
        <v>0.29701138125968085</v>
      </c>
      <c r="G159" s="89">
        <v>0.11559228279614159</v>
      </c>
      <c r="H159" s="93">
        <v>0.21810745495388137</v>
      </c>
      <c r="I159" s="89">
        <v>0.10611288652394137</v>
      </c>
      <c r="J159" s="93">
        <v>0.48488116378643736</v>
      </c>
      <c r="K159" s="89">
        <v>0.12494976498203963</v>
      </c>
    </row>
    <row r="160" spans="1:45" customFormat="1">
      <c r="A160" s="44" t="s">
        <v>537</v>
      </c>
      <c r="B160" s="44">
        <v>74</v>
      </c>
      <c r="C160" s="148">
        <v>7.0521496857858716</v>
      </c>
      <c r="D160" s="149">
        <v>0.5056679291688837</v>
      </c>
      <c r="E160" s="120">
        <v>74</v>
      </c>
      <c r="F160" s="144">
        <v>0.36920569238846268</v>
      </c>
      <c r="G160" s="92">
        <v>0.10968543354106378</v>
      </c>
      <c r="H160" s="145">
        <v>0.2461950525464309</v>
      </c>
      <c r="I160" s="92">
        <v>9.9233087072100712E-2</v>
      </c>
      <c r="J160" s="145">
        <v>0.38459925506510606</v>
      </c>
      <c r="K160" s="92">
        <v>0.11047996121756938</v>
      </c>
    </row>
    <row r="161" spans="1:11" customFormat="1">
      <c r="A161" s="40" t="s">
        <v>538</v>
      </c>
      <c r="B161" s="48">
        <v>68</v>
      </c>
      <c r="C161" s="79">
        <v>6.9107016510768027</v>
      </c>
      <c r="D161" s="80">
        <v>0.47944765212527735</v>
      </c>
      <c r="E161" s="78">
        <v>68</v>
      </c>
      <c r="F161" s="93">
        <v>0.35862209713756743</v>
      </c>
      <c r="G161" s="89">
        <v>0.11357118544455805</v>
      </c>
      <c r="H161" s="93">
        <v>0.30155602532609688</v>
      </c>
      <c r="I161" s="89">
        <v>0.10925861330365794</v>
      </c>
      <c r="J161" s="93">
        <v>0.3398218775363353</v>
      </c>
      <c r="K161" s="89">
        <v>0.11232753741968614</v>
      </c>
    </row>
    <row r="162" spans="1:11" customFormat="1">
      <c r="A162" s="44" t="s">
        <v>539</v>
      </c>
      <c r="B162" s="44">
        <v>108</v>
      </c>
      <c r="C162" s="148">
        <v>7.1521433248765209</v>
      </c>
      <c r="D162" s="149">
        <v>0.39720797583187251</v>
      </c>
      <c r="E162" s="120">
        <v>108</v>
      </c>
      <c r="F162" s="144">
        <v>0.29735757184714429</v>
      </c>
      <c r="G162" s="92">
        <v>8.6976353184046215E-2</v>
      </c>
      <c r="H162" s="145">
        <v>0.30903586859021343</v>
      </c>
      <c r="I162" s="92">
        <v>8.7849504675482901E-2</v>
      </c>
      <c r="J162" s="145">
        <v>0.3936065595626409</v>
      </c>
      <c r="K162" s="92">
        <v>9.2480603740541414E-2</v>
      </c>
    </row>
    <row r="163" spans="1:11" customFormat="1">
      <c r="A163" s="40" t="s">
        <v>540</v>
      </c>
      <c r="B163" s="146">
        <v>244</v>
      </c>
      <c r="C163" s="79">
        <v>7.040684756391026</v>
      </c>
      <c r="D163" s="80">
        <v>0.3040528874132904</v>
      </c>
      <c r="E163" s="78">
        <v>244</v>
      </c>
      <c r="F163" s="93">
        <v>0.35191539622953727</v>
      </c>
      <c r="G163" s="89">
        <v>6.0744392291842718E-2</v>
      </c>
      <c r="H163" s="93">
        <v>0.22083562450089261</v>
      </c>
      <c r="I163" s="89">
        <v>5.3061275779377456E-2</v>
      </c>
      <c r="J163" s="93">
        <v>0.4272489792695689</v>
      </c>
      <c r="K163" s="89">
        <v>6.2846028529567E-2</v>
      </c>
    </row>
    <row r="164" spans="1:11" customFormat="1">
      <c r="A164" s="44" t="s">
        <v>541</v>
      </c>
      <c r="B164" s="147">
        <v>80</v>
      </c>
      <c r="C164" s="148">
        <v>7.3606464068844986</v>
      </c>
      <c r="D164" s="149">
        <v>0.49855375083875031</v>
      </c>
      <c r="E164" s="120">
        <v>80</v>
      </c>
      <c r="F164" s="144">
        <v>0.2736842811742356</v>
      </c>
      <c r="G164" s="92">
        <v>9.8450624411583434E-2</v>
      </c>
      <c r="H164" s="145">
        <v>0.29431896493487175</v>
      </c>
      <c r="I164" s="92">
        <v>0.10038696574916617</v>
      </c>
      <c r="J164" s="145">
        <v>0.43199675389089282</v>
      </c>
      <c r="K164" s="92">
        <v>0.10818975729509173</v>
      </c>
    </row>
    <row r="165" spans="1:11" customFormat="1">
      <c r="A165" s="40" t="s">
        <v>542</v>
      </c>
      <c r="B165" s="78">
        <v>68</v>
      </c>
      <c r="C165" s="79">
        <v>6.8411789320394423</v>
      </c>
      <c r="D165" s="80">
        <v>0.63448147613635586</v>
      </c>
      <c r="E165" s="78">
        <v>68</v>
      </c>
      <c r="F165" s="93">
        <v>0.40559903094038674</v>
      </c>
      <c r="G165" s="89">
        <v>0.11596242775579374</v>
      </c>
      <c r="H165" s="93">
        <v>0.17136075123458197</v>
      </c>
      <c r="I165" s="89">
        <v>9.2395080604930083E-2</v>
      </c>
      <c r="J165" s="93">
        <v>0.42304021782503143</v>
      </c>
      <c r="K165" s="89">
        <v>0.11659926658850181</v>
      </c>
    </row>
    <row r="166" spans="1:11" customFormat="1">
      <c r="A166" s="44" t="s">
        <v>543</v>
      </c>
      <c r="B166" s="147">
        <v>59</v>
      </c>
      <c r="C166" s="148">
        <v>6.5485098318738268</v>
      </c>
      <c r="D166" s="149">
        <v>0.67020537699060589</v>
      </c>
      <c r="E166" s="120">
        <v>59</v>
      </c>
      <c r="F166" s="144">
        <v>0.47034958212727723</v>
      </c>
      <c r="G166" s="92">
        <v>0.12579372039094294</v>
      </c>
      <c r="H166" s="145">
        <v>0.13134841435466099</v>
      </c>
      <c r="I166" s="92">
        <v>9.1132485533354707E-2</v>
      </c>
      <c r="J166" s="145">
        <v>0.39830200351806178</v>
      </c>
      <c r="K166" s="92">
        <v>0.12368140216922766</v>
      </c>
    </row>
    <row r="167" spans="1:11" customFormat="1">
      <c r="A167" s="52" t="s">
        <v>544</v>
      </c>
      <c r="B167" s="146">
        <v>37</v>
      </c>
      <c r="C167" s="79">
        <v>7.8210007617410584</v>
      </c>
      <c r="D167" s="80">
        <v>0.49828812812086326</v>
      </c>
      <c r="E167" s="78">
        <v>37</v>
      </c>
      <c r="F167" s="93">
        <v>0.15262670659338959</v>
      </c>
      <c r="G167" s="89">
        <v>0.12166658690588944</v>
      </c>
      <c r="H167" s="93">
        <v>0.3579276687642986</v>
      </c>
      <c r="I167" s="89">
        <v>0.15095202970041349</v>
      </c>
      <c r="J167" s="93">
        <v>0.48944562464231184</v>
      </c>
      <c r="K167" s="89">
        <v>0.15614542329604053</v>
      </c>
    </row>
    <row r="168" spans="1:11" customFormat="1">
      <c r="A168" s="44" t="s">
        <v>545</v>
      </c>
      <c r="B168" s="147">
        <v>392</v>
      </c>
      <c r="C168" s="148">
        <v>7.107665007207399</v>
      </c>
      <c r="D168" s="149">
        <v>0.21402818358869383</v>
      </c>
      <c r="E168" s="120">
        <v>392</v>
      </c>
      <c r="F168" s="144">
        <v>0.32759750518704356</v>
      </c>
      <c r="G168" s="92">
        <v>4.7234083326885362E-2</v>
      </c>
      <c r="H168" s="145">
        <v>0.27053060554660857</v>
      </c>
      <c r="I168" s="92">
        <v>4.4766756487201534E-2</v>
      </c>
      <c r="J168" s="145">
        <v>0.40187188926634748</v>
      </c>
      <c r="K168" s="92">
        <v>4.9294458395343251E-2</v>
      </c>
    </row>
    <row r="169" spans="1:11" customFormat="1">
      <c r="A169" s="52" t="s">
        <v>546</v>
      </c>
      <c r="B169" s="146">
        <v>40</v>
      </c>
      <c r="C169" s="79">
        <v>7.0162271456649146</v>
      </c>
      <c r="D169" s="80">
        <v>0.68979364146552391</v>
      </c>
      <c r="E169" s="78">
        <v>40</v>
      </c>
      <c r="F169" s="93">
        <v>0.32638527456492705</v>
      </c>
      <c r="G169" s="89">
        <v>0.14304773391501069</v>
      </c>
      <c r="H169" s="93">
        <v>0.26726112320187828</v>
      </c>
      <c r="I169" s="89">
        <v>0.13659281436680806</v>
      </c>
      <c r="J169" s="93">
        <v>0.40635360223319483</v>
      </c>
      <c r="K169" s="89">
        <v>0.14855435404956999</v>
      </c>
    </row>
    <row r="170" spans="1:11" customFormat="1">
      <c r="A170" s="44" t="s">
        <v>547</v>
      </c>
      <c r="B170" s="147">
        <v>65</v>
      </c>
      <c r="C170" s="148">
        <v>7.0321053988030631</v>
      </c>
      <c r="D170" s="149">
        <v>0.52224064244934443</v>
      </c>
      <c r="E170" s="120">
        <v>65</v>
      </c>
      <c r="F170" s="144">
        <v>0.38211751400481964</v>
      </c>
      <c r="G170" s="92">
        <v>0.11737915329246409</v>
      </c>
      <c r="H170" s="145">
        <v>0.25477255504219687</v>
      </c>
      <c r="I170" s="92">
        <v>0.10676637124579372</v>
      </c>
      <c r="J170" s="145">
        <v>0.36310993095298327</v>
      </c>
      <c r="K170" s="92">
        <v>0.11631311050537312</v>
      </c>
    </row>
    <row r="171" spans="1:11" customFormat="1">
      <c r="A171" s="52" t="s">
        <v>548</v>
      </c>
      <c r="B171" s="146">
        <v>124</v>
      </c>
      <c r="C171" s="79">
        <v>7.1454302043847067</v>
      </c>
      <c r="D171" s="80">
        <v>0.38455792944649952</v>
      </c>
      <c r="E171" s="78">
        <v>124</v>
      </c>
      <c r="F171" s="93">
        <v>0.31880830274731298</v>
      </c>
      <c r="G171" s="89">
        <v>8.2762727462655505E-2</v>
      </c>
      <c r="H171" s="93">
        <v>0.24550091517653072</v>
      </c>
      <c r="I171" s="89">
        <v>7.6895845871350593E-2</v>
      </c>
      <c r="J171" s="93">
        <v>0.43569078207615602</v>
      </c>
      <c r="K171" s="89">
        <v>8.76995519985318E-2</v>
      </c>
    </row>
    <row r="172" spans="1:11" customFormat="1">
      <c r="A172" s="44" t="s">
        <v>549</v>
      </c>
      <c r="B172" s="147">
        <v>37</v>
      </c>
      <c r="C172" s="148">
        <v>6.8783029727677913</v>
      </c>
      <c r="D172" s="149">
        <v>0.65350564510702236</v>
      </c>
      <c r="E172" s="120">
        <v>37</v>
      </c>
      <c r="F172" s="144">
        <v>0.40360139588340049</v>
      </c>
      <c r="G172" s="92">
        <v>0.15379177177728226</v>
      </c>
      <c r="H172" s="145">
        <v>0.29591309061818377</v>
      </c>
      <c r="I172" s="92">
        <v>0.14519262367687094</v>
      </c>
      <c r="J172" s="145">
        <v>0.30048551349841562</v>
      </c>
      <c r="K172" s="92">
        <v>0.14569668474924957</v>
      </c>
    </row>
    <row r="173" spans="1:11" customFormat="1">
      <c r="A173" s="52" t="s">
        <v>550</v>
      </c>
      <c r="B173" s="146">
        <v>79</v>
      </c>
      <c r="C173" s="79">
        <v>7.3127867115001743</v>
      </c>
      <c r="D173" s="80">
        <v>0.46339492141924782</v>
      </c>
      <c r="E173" s="78">
        <v>79</v>
      </c>
      <c r="F173" s="93">
        <v>0.27412476102124145</v>
      </c>
      <c r="G173" s="89">
        <v>9.9099423172576695E-2</v>
      </c>
      <c r="H173" s="93">
        <v>0.31683858990799879</v>
      </c>
      <c r="I173" s="89">
        <v>0.1028761175585293</v>
      </c>
      <c r="J173" s="93">
        <v>0.40903664907075898</v>
      </c>
      <c r="K173" s="89">
        <v>0.10810614533898971</v>
      </c>
    </row>
    <row r="174" spans="1:11" customFormat="1">
      <c r="A174" s="44" t="s">
        <v>551</v>
      </c>
      <c r="B174" s="147">
        <v>47</v>
      </c>
      <c r="C174" s="148">
        <v>6.9227457791709961</v>
      </c>
      <c r="D174" s="149">
        <v>0.65900530285259584</v>
      </c>
      <c r="E174" s="120">
        <v>47</v>
      </c>
      <c r="F174" s="144">
        <v>0.33730132877967284</v>
      </c>
      <c r="G174" s="92">
        <v>0.13358366661267926</v>
      </c>
      <c r="H174" s="145">
        <v>0.25602725015203787</v>
      </c>
      <c r="I174" s="92">
        <v>0.1250719131621231</v>
      </c>
      <c r="J174" s="145">
        <v>0.40667142106828874</v>
      </c>
      <c r="K174" s="92">
        <v>0.13794073896032394</v>
      </c>
    </row>
    <row r="175" spans="1:11" s="238" customFormat="1">
      <c r="A175" s="231"/>
      <c r="B175" s="232"/>
      <c r="C175" s="233"/>
      <c r="D175" s="234"/>
      <c r="E175" s="235"/>
      <c r="F175" s="236"/>
      <c r="G175" s="237"/>
      <c r="H175" s="236"/>
      <c r="I175" s="237"/>
    </row>
    <row r="176" spans="1:11" s="238" customFormat="1">
      <c r="A176" s="231"/>
      <c r="B176" s="232"/>
      <c r="C176" s="233"/>
      <c r="D176" s="234"/>
      <c r="E176" s="235"/>
      <c r="F176" s="236"/>
      <c r="G176" s="237"/>
      <c r="H176" s="236"/>
      <c r="I176" s="237"/>
    </row>
    <row r="177" spans="1:22" customFormat="1" ht="18.75">
      <c r="A177" s="336" t="s">
        <v>250</v>
      </c>
      <c r="B177" s="336"/>
      <c r="C177" s="336"/>
      <c r="D177" s="336"/>
      <c r="E177" s="336"/>
      <c r="F177" s="336"/>
      <c r="G177" s="336"/>
      <c r="H177" s="336"/>
      <c r="I177" s="336"/>
      <c r="J177" s="336"/>
      <c r="K177" s="336"/>
      <c r="L177" s="336"/>
      <c r="M177" s="336"/>
      <c r="N177" s="336"/>
      <c r="O177" s="336"/>
      <c r="P177" s="336"/>
      <c r="Q177" s="336"/>
      <c r="R177" s="336"/>
      <c r="S177" s="336"/>
      <c r="T177" s="336"/>
      <c r="U177" s="336"/>
      <c r="V177" s="336"/>
    </row>
    <row r="178" spans="1:22" customFormat="1" ht="80.25" customHeight="1">
      <c r="A178" s="337" t="s">
        <v>581</v>
      </c>
      <c r="B178" s="337"/>
      <c r="C178" s="337"/>
      <c r="D178" s="337"/>
      <c r="E178" s="337"/>
      <c r="F178" s="337"/>
      <c r="G178" s="337"/>
      <c r="H178" s="337"/>
      <c r="I178" s="337"/>
      <c r="J178" s="337"/>
      <c r="K178" s="337"/>
      <c r="L178" s="337"/>
      <c r="M178" s="337"/>
      <c r="N178" s="337"/>
      <c r="O178" s="337"/>
      <c r="P178" s="337"/>
      <c r="Q178" s="337"/>
      <c r="R178" s="337"/>
      <c r="S178" s="337"/>
      <c r="T178" s="337"/>
      <c r="U178" s="337"/>
      <c r="V178" s="337"/>
    </row>
    <row r="179" spans="1:22" customFormat="1" ht="15.75">
      <c r="A179" s="294"/>
      <c r="B179" s="338" t="s">
        <v>286</v>
      </c>
      <c r="C179" s="338"/>
      <c r="D179" s="338"/>
      <c r="E179" s="338"/>
      <c r="F179" s="338"/>
      <c r="G179" s="338"/>
      <c r="H179" s="338"/>
      <c r="I179" s="338" t="s">
        <v>287</v>
      </c>
      <c r="J179" s="338"/>
      <c r="K179" s="338"/>
      <c r="L179" s="338"/>
      <c r="M179" s="338"/>
      <c r="N179" s="338"/>
      <c r="O179" s="338"/>
      <c r="P179" s="338" t="s">
        <v>288</v>
      </c>
      <c r="Q179" s="338"/>
      <c r="R179" s="338"/>
      <c r="S179" s="338"/>
      <c r="T179" s="338"/>
      <c r="U179" s="338"/>
      <c r="V179" s="338"/>
    </row>
    <row r="180" spans="1:22" customFormat="1" ht="72">
      <c r="A180" s="32" t="s">
        <v>71</v>
      </c>
      <c r="B180" s="33" t="s">
        <v>72</v>
      </c>
      <c r="C180" s="33" t="s">
        <v>251</v>
      </c>
      <c r="D180" s="84" t="s">
        <v>254</v>
      </c>
      <c r="E180" s="33" t="s">
        <v>253</v>
      </c>
      <c r="F180" s="84" t="s">
        <v>255</v>
      </c>
      <c r="G180" s="33" t="s">
        <v>252</v>
      </c>
      <c r="H180" s="84" t="s">
        <v>256</v>
      </c>
      <c r="I180" s="60" t="s">
        <v>72</v>
      </c>
      <c r="J180" s="60" t="s">
        <v>257</v>
      </c>
      <c r="K180" s="83" t="s">
        <v>258</v>
      </c>
      <c r="L180" s="60" t="s">
        <v>259</v>
      </c>
      <c r="M180" s="83" t="s">
        <v>260</v>
      </c>
      <c r="N180" s="60" t="s">
        <v>261</v>
      </c>
      <c r="O180" s="83" t="s">
        <v>262</v>
      </c>
      <c r="P180" s="33" t="s">
        <v>72</v>
      </c>
      <c r="Q180" s="33" t="s">
        <v>263</v>
      </c>
      <c r="R180" s="84" t="s">
        <v>264</v>
      </c>
      <c r="S180" s="33" t="s">
        <v>265</v>
      </c>
      <c r="T180" s="84" t="s">
        <v>266</v>
      </c>
      <c r="U180" s="33" t="s">
        <v>267</v>
      </c>
      <c r="V180" s="84" t="s">
        <v>268</v>
      </c>
    </row>
    <row r="181" spans="1:22" customFormat="1" ht="60">
      <c r="A181" s="36"/>
      <c r="B181" s="37" t="s">
        <v>74</v>
      </c>
      <c r="C181" s="37" t="s">
        <v>455</v>
      </c>
      <c r="D181" s="86" t="s">
        <v>88</v>
      </c>
      <c r="E181" s="37" t="s">
        <v>456</v>
      </c>
      <c r="F181" s="86" t="s">
        <v>88</v>
      </c>
      <c r="G181" s="37" t="s">
        <v>457</v>
      </c>
      <c r="H181" s="86" t="s">
        <v>88</v>
      </c>
      <c r="I181" s="63" t="s">
        <v>74</v>
      </c>
      <c r="J181" s="63" t="s">
        <v>455</v>
      </c>
      <c r="K181" s="85" t="s">
        <v>88</v>
      </c>
      <c r="L181" s="63" t="s">
        <v>456</v>
      </c>
      <c r="M181" s="85" t="s">
        <v>88</v>
      </c>
      <c r="N181" s="63" t="s">
        <v>457</v>
      </c>
      <c r="O181" s="85" t="s">
        <v>88</v>
      </c>
      <c r="P181" s="37" t="s">
        <v>74</v>
      </c>
      <c r="Q181" s="37" t="s">
        <v>455</v>
      </c>
      <c r="R181" s="86" t="s">
        <v>88</v>
      </c>
      <c r="S181" s="37" t="s">
        <v>456</v>
      </c>
      <c r="T181" s="86" t="s">
        <v>88</v>
      </c>
      <c r="U181" s="37" t="s">
        <v>457</v>
      </c>
      <c r="V181" s="86" t="s">
        <v>88</v>
      </c>
    </row>
    <row r="182" spans="1:22" customFormat="1">
      <c r="A182" s="40" t="s">
        <v>349</v>
      </c>
      <c r="B182" s="78">
        <v>6503</v>
      </c>
      <c r="C182" s="93">
        <v>0.3578131136007402</v>
      </c>
      <c r="D182" s="89">
        <v>1.1885622044660829E-2</v>
      </c>
      <c r="E182" s="93">
        <v>0.36015068119094584</v>
      </c>
      <c r="F182" s="89">
        <v>1.1902637808332206E-2</v>
      </c>
      <c r="G182" s="93">
        <v>0.28203620520831146</v>
      </c>
      <c r="H182" s="89">
        <v>1.1158502205965213E-2</v>
      </c>
      <c r="I182" s="78">
        <v>6432</v>
      </c>
      <c r="J182" s="93">
        <v>0.7641493206723452</v>
      </c>
      <c r="K182" s="89">
        <v>1.0586053895400674E-2</v>
      </c>
      <c r="L182" s="93">
        <v>0.16459306922831163</v>
      </c>
      <c r="M182" s="89">
        <v>9.2490566270787677E-3</v>
      </c>
      <c r="N182" s="93">
        <v>7.1257610099335469E-2</v>
      </c>
      <c r="O182" s="89">
        <v>6.4244126283592648E-3</v>
      </c>
      <c r="P182" s="78">
        <v>6443</v>
      </c>
      <c r="Q182" s="93">
        <v>0.86899939414504301</v>
      </c>
      <c r="R182" s="89">
        <v>8.4104551550967434E-3</v>
      </c>
      <c r="S182" s="93">
        <v>8.4255579390456817E-2</v>
      </c>
      <c r="T182" s="89">
        <v>6.9285161849068598E-3</v>
      </c>
      <c r="U182" s="93">
        <v>4.6745026464494438E-2</v>
      </c>
      <c r="V182" s="89">
        <v>5.2730487261278686E-3</v>
      </c>
    </row>
    <row r="183" spans="1:22" customFormat="1">
      <c r="A183" s="44" t="s">
        <v>350</v>
      </c>
      <c r="B183" s="152">
        <v>5959</v>
      </c>
      <c r="C183" s="156">
        <v>0.36301915716143268</v>
      </c>
      <c r="D183" s="92">
        <v>1.245515622281324E-2</v>
      </c>
      <c r="E183" s="156">
        <v>0.35211328834267452</v>
      </c>
      <c r="F183" s="92">
        <v>1.2371326041896037E-2</v>
      </c>
      <c r="G183" s="156">
        <v>0.2848675544958999</v>
      </c>
      <c r="H183" s="92">
        <v>1.1691721960768727E-2</v>
      </c>
      <c r="I183" s="152">
        <v>5891</v>
      </c>
      <c r="J183" s="156">
        <v>0.75784562269809086</v>
      </c>
      <c r="K183" s="92">
        <v>1.1161725130409915E-2</v>
      </c>
      <c r="L183" s="156">
        <v>0.16861212839374917</v>
      </c>
      <c r="M183" s="92">
        <v>9.7580939178185232E-3</v>
      </c>
      <c r="N183" s="156">
        <v>7.3542248908162397E-2</v>
      </c>
      <c r="O183" s="92">
        <v>6.8116803447185598E-3</v>
      </c>
      <c r="P183" s="152">
        <v>5900</v>
      </c>
      <c r="Q183" s="156">
        <v>0.86603586133162525</v>
      </c>
      <c r="R183" s="92">
        <v>8.87275428612261E-3</v>
      </c>
      <c r="S183" s="156">
        <v>8.4560147297164101E-2</v>
      </c>
      <c r="T183" s="92">
        <v>7.252861864868951E-3</v>
      </c>
      <c r="U183" s="156">
        <v>4.9403991371211937E-2</v>
      </c>
      <c r="V183" s="92">
        <v>5.6572291914456481E-3</v>
      </c>
    </row>
    <row r="184" spans="1:22" customFormat="1">
      <c r="A184" s="40" t="s">
        <v>351</v>
      </c>
      <c r="B184" s="78">
        <v>544</v>
      </c>
      <c r="C184" s="93">
        <v>0.34092582225704426</v>
      </c>
      <c r="D184" s="89">
        <v>4.0531457360053626E-2</v>
      </c>
      <c r="E184" s="93">
        <v>0.38622226378342661</v>
      </c>
      <c r="F184" s="89">
        <v>4.1613701471487928E-2</v>
      </c>
      <c r="G184" s="93">
        <v>0.27285191395952757</v>
      </c>
      <c r="H184" s="89">
        <v>3.8127162182492569E-2</v>
      </c>
      <c r="I184" s="78">
        <v>541</v>
      </c>
      <c r="J184" s="93">
        <v>0.78443943074302636</v>
      </c>
      <c r="K184" s="89">
        <v>3.5351701874865166E-2</v>
      </c>
      <c r="L184" s="93">
        <v>0.15165667012096176</v>
      </c>
      <c r="M184" s="89">
        <v>3.0940199300461931E-2</v>
      </c>
      <c r="N184" s="93">
        <v>6.3903899136010911E-2</v>
      </c>
      <c r="O184" s="89">
        <v>2.1435044019019314E-2</v>
      </c>
      <c r="P184" s="78">
        <v>543</v>
      </c>
      <c r="Q184" s="93">
        <v>0.87850619510786099</v>
      </c>
      <c r="R184" s="89">
        <v>2.8209287162697199E-2</v>
      </c>
      <c r="S184" s="93">
        <v>8.3278547364490668E-2</v>
      </c>
      <c r="T184" s="89">
        <v>2.4016099820241124E-2</v>
      </c>
      <c r="U184" s="93">
        <v>3.8215257527648129E-2</v>
      </c>
      <c r="V184" s="89">
        <v>1.7073281670986422E-2</v>
      </c>
    </row>
    <row r="185" spans="1:22" customFormat="1">
      <c r="A185" s="44" t="s">
        <v>533</v>
      </c>
      <c r="B185" s="152">
        <v>1743</v>
      </c>
      <c r="C185" s="156">
        <v>0.34784297652987489</v>
      </c>
      <c r="D185" s="92">
        <v>2.2795682275205394E-2</v>
      </c>
      <c r="E185" s="156">
        <v>0.35159258240646757</v>
      </c>
      <c r="F185" s="92">
        <v>2.2851952802970733E-2</v>
      </c>
      <c r="G185" s="156">
        <v>0.30056444106365438</v>
      </c>
      <c r="H185" s="92">
        <v>2.1948964482619258E-2</v>
      </c>
      <c r="I185" s="152">
        <v>1729</v>
      </c>
      <c r="J185" s="156">
        <v>0.81273219383010176</v>
      </c>
      <c r="K185" s="92">
        <v>1.8770612869388824E-2</v>
      </c>
      <c r="L185" s="156">
        <v>0.13250287981461351</v>
      </c>
      <c r="M185" s="92">
        <v>1.6332423355645057E-2</v>
      </c>
      <c r="N185" s="156">
        <v>5.4764926355281685E-2</v>
      </c>
      <c r="O185" s="92">
        <v>1.1026880704574839E-2</v>
      </c>
      <c r="P185" s="152">
        <v>1731</v>
      </c>
      <c r="Q185" s="156">
        <v>0.89927863183977574</v>
      </c>
      <c r="R185" s="92">
        <v>1.4509130218377575E-2</v>
      </c>
      <c r="S185" s="156">
        <v>6.254021212854427E-2</v>
      </c>
      <c r="T185" s="92">
        <v>1.1713222600641169E-2</v>
      </c>
      <c r="U185" s="156">
        <v>3.8181156031679389E-2</v>
      </c>
      <c r="V185" s="92">
        <v>9.3235940558488526E-3</v>
      </c>
    </row>
    <row r="186" spans="1:22" customFormat="1">
      <c r="A186" s="40" t="s">
        <v>534</v>
      </c>
      <c r="B186" s="78">
        <v>1618</v>
      </c>
      <c r="C186" s="93">
        <v>0.35063337729377808</v>
      </c>
      <c r="D186" s="89">
        <v>2.3701780317993207E-2</v>
      </c>
      <c r="E186" s="93">
        <v>0.34956796485362401</v>
      </c>
      <c r="F186" s="89">
        <v>2.3685239669757555E-2</v>
      </c>
      <c r="G186" s="93">
        <v>0.2997986578525999</v>
      </c>
      <c r="H186" s="89">
        <v>2.2763289695389967E-2</v>
      </c>
      <c r="I186" s="78">
        <v>1606</v>
      </c>
      <c r="J186" s="93">
        <v>0.79954813411228143</v>
      </c>
      <c r="K186" s="89">
        <v>1.9982366157475364E-2</v>
      </c>
      <c r="L186" s="93">
        <v>0.14599457702085231</v>
      </c>
      <c r="M186" s="89">
        <v>1.7643966415729465E-2</v>
      </c>
      <c r="N186" s="93">
        <v>5.4457288866866543E-2</v>
      </c>
      <c r="O186" s="89">
        <v>1.1418285860458715E-2</v>
      </c>
      <c r="P186" s="78">
        <v>1607</v>
      </c>
      <c r="Q186" s="93">
        <v>0.89779707662242347</v>
      </c>
      <c r="R186" s="89">
        <v>1.5158367009066401E-2</v>
      </c>
      <c r="S186" s="93">
        <v>5.808836950762155E-2</v>
      </c>
      <c r="T186" s="89">
        <v>1.1758238047640481E-2</v>
      </c>
      <c r="U186" s="93">
        <v>4.4114553869955594E-2</v>
      </c>
      <c r="V186" s="89">
        <v>1.0356673467495948E-2</v>
      </c>
    </row>
    <row r="187" spans="1:22" customFormat="1">
      <c r="A187" s="44" t="s">
        <v>535</v>
      </c>
      <c r="B187" s="152">
        <v>312</v>
      </c>
      <c r="C187" s="156">
        <v>0.32350351687247519</v>
      </c>
      <c r="D187" s="92">
        <v>5.2727221756997261E-2</v>
      </c>
      <c r="E187" s="156">
        <v>0.34860354961332474</v>
      </c>
      <c r="F187" s="92">
        <v>5.3681635093016128E-2</v>
      </c>
      <c r="G187" s="156">
        <v>0.32789293351420346</v>
      </c>
      <c r="H187" s="92">
        <v>5.2905971790782408E-2</v>
      </c>
      <c r="I187" s="152">
        <v>308</v>
      </c>
      <c r="J187" s="156">
        <v>0.82722818371673568</v>
      </c>
      <c r="K187" s="92">
        <v>4.3212313183433014E-2</v>
      </c>
      <c r="L187" s="156">
        <v>0.13712483811400286</v>
      </c>
      <c r="M187" s="92">
        <v>3.9496241673567023E-2</v>
      </c>
      <c r="N187" s="156">
        <v>3.5646978169262523E-2</v>
      </c>
      <c r="O187" s="92">
        <v>2.2608610671090715E-2</v>
      </c>
      <c r="P187" s="152">
        <v>309</v>
      </c>
      <c r="Q187" s="156">
        <v>0.90929264295290835</v>
      </c>
      <c r="R187" s="92">
        <v>3.3292938698597771E-2</v>
      </c>
      <c r="S187" s="156">
        <v>5.1255776367312961E-2</v>
      </c>
      <c r="T187" s="92">
        <v>2.6206992867443123E-2</v>
      </c>
      <c r="U187" s="156">
        <v>3.9451580679779129E-2</v>
      </c>
      <c r="V187" s="92">
        <v>2.3518525979233887E-2</v>
      </c>
    </row>
    <row r="188" spans="1:22" customFormat="1">
      <c r="A188" s="40" t="s">
        <v>536</v>
      </c>
      <c r="B188" s="78">
        <v>60</v>
      </c>
      <c r="C188" s="93">
        <v>0.31167594839708512</v>
      </c>
      <c r="D188" s="89">
        <v>0.11694783994328277</v>
      </c>
      <c r="E188" s="93">
        <v>0.32709112238288773</v>
      </c>
      <c r="F188" s="89">
        <v>0.11824839269651632</v>
      </c>
      <c r="G188" s="93">
        <v>0.36123292922002675</v>
      </c>
      <c r="H188" s="89">
        <v>0.12069473829592262</v>
      </c>
      <c r="I188" s="78">
        <v>60</v>
      </c>
      <c r="J188" s="93">
        <v>0.81080945328581622</v>
      </c>
      <c r="K188" s="89">
        <v>0.10157984688797214</v>
      </c>
      <c r="L188" s="93">
        <v>0.13750762757826324</v>
      </c>
      <c r="M188" s="89">
        <v>9.1689382523722288E-2</v>
      </c>
      <c r="N188" s="93">
        <v>5.1682919135920428E-2</v>
      </c>
      <c r="O188" s="89">
        <v>6.7708109952788254E-2</v>
      </c>
      <c r="P188" s="78">
        <v>60</v>
      </c>
      <c r="Q188" s="93">
        <v>0.90818954525154638</v>
      </c>
      <c r="R188" s="89">
        <v>8.0450986219129147E-2</v>
      </c>
      <c r="S188" s="93">
        <v>4.0982441459247128E-2</v>
      </c>
      <c r="T188" s="89">
        <v>6.3647950286660676E-2</v>
      </c>
      <c r="U188" s="93">
        <v>5.0828013289206435E-2</v>
      </c>
      <c r="V188" s="89">
        <v>6.7396148462405311E-2</v>
      </c>
    </row>
    <row r="189" spans="1:22" customFormat="1">
      <c r="A189" s="44" t="s">
        <v>537</v>
      </c>
      <c r="B189" s="152">
        <v>74</v>
      </c>
      <c r="C189" s="156">
        <v>0.32547762154409876</v>
      </c>
      <c r="D189" s="92">
        <v>0.10683938171780759</v>
      </c>
      <c r="E189" s="156">
        <v>0.25916908349646972</v>
      </c>
      <c r="F189" s="92">
        <v>0.10071452660241691</v>
      </c>
      <c r="G189" s="156">
        <v>0.41535329495943119</v>
      </c>
      <c r="H189" s="92">
        <v>0.11175774411698289</v>
      </c>
      <c r="I189" s="152">
        <v>73</v>
      </c>
      <c r="J189" s="156">
        <v>0.76905821654444817</v>
      </c>
      <c r="K189" s="92">
        <v>9.8014999801318295E-2</v>
      </c>
      <c r="L189" s="156">
        <v>0.21894446457656636</v>
      </c>
      <c r="M189" s="92">
        <v>9.6430205130234023E-2</v>
      </c>
      <c r="N189" s="156">
        <v>1.1997318878985126E-2</v>
      </c>
      <c r="O189" s="92">
        <v>4.3216895670391352E-2</v>
      </c>
      <c r="P189" s="152">
        <v>74</v>
      </c>
      <c r="Q189" s="156">
        <v>0.92355180541211912</v>
      </c>
      <c r="R189" s="92">
        <v>6.7380163976572538E-2</v>
      </c>
      <c r="S189" s="156">
        <v>4.6735942790944736E-2</v>
      </c>
      <c r="T189" s="92">
        <v>5.7771884541919706E-2</v>
      </c>
      <c r="U189" s="156">
        <v>2.9712251796935915E-2</v>
      </c>
      <c r="V189" s="92">
        <v>5.1106700535390896E-2</v>
      </c>
    </row>
    <row r="190" spans="1:22" customFormat="1">
      <c r="A190" s="40" t="s">
        <v>538</v>
      </c>
      <c r="B190" s="78">
        <v>69</v>
      </c>
      <c r="C190" s="93">
        <v>0.35519350226098417</v>
      </c>
      <c r="D190" s="89">
        <v>0.11257048551734321</v>
      </c>
      <c r="E190" s="93">
        <v>0.31136030720161612</v>
      </c>
      <c r="F190" s="89">
        <v>0.10934623743520669</v>
      </c>
      <c r="G190" s="93">
        <v>0.33344619053739927</v>
      </c>
      <c r="H190" s="89">
        <v>0.11108840343807222</v>
      </c>
      <c r="I190" s="78">
        <v>67</v>
      </c>
      <c r="J190" s="93">
        <v>0.83113207132324929</v>
      </c>
      <c r="K190" s="89">
        <v>9.2647532855051312E-2</v>
      </c>
      <c r="L190" s="93">
        <v>0.13930218883738482</v>
      </c>
      <c r="M190" s="89">
        <v>8.6933236085247473E-2</v>
      </c>
      <c r="N190" s="93">
        <v>2.9565739839365727E-2</v>
      </c>
      <c r="O190" s="89">
        <v>5.4605028341362563E-2</v>
      </c>
      <c r="P190" s="78">
        <v>67</v>
      </c>
      <c r="Q190" s="93">
        <v>0.89597493524081573</v>
      </c>
      <c r="R190" s="89">
        <v>7.8855673336314505E-2</v>
      </c>
      <c r="S190" s="93">
        <v>4.3631101422083499E-2</v>
      </c>
      <c r="T190" s="89">
        <v>6.0296781879845433E-2</v>
      </c>
      <c r="U190" s="93">
        <v>6.0393963337100738E-2</v>
      </c>
      <c r="V190" s="89">
        <v>6.625099085055533E-2</v>
      </c>
    </row>
    <row r="191" spans="1:22" customFormat="1">
      <c r="A191" s="44" t="s">
        <v>539</v>
      </c>
      <c r="B191" s="152">
        <v>109</v>
      </c>
      <c r="C191" s="156">
        <v>0.31032895955544443</v>
      </c>
      <c r="D191" s="92">
        <v>8.7548060803840491E-2</v>
      </c>
      <c r="E191" s="156">
        <v>0.43051530858550485</v>
      </c>
      <c r="F191" s="92">
        <v>9.322304432818701E-2</v>
      </c>
      <c r="G191" s="156">
        <v>0.25915573185904944</v>
      </c>
      <c r="H191" s="92">
        <v>8.3300919852685645E-2</v>
      </c>
      <c r="I191" s="152">
        <v>108</v>
      </c>
      <c r="J191" s="156">
        <v>0.86632347131387144</v>
      </c>
      <c r="K191" s="92">
        <v>6.6874390808020892E-2</v>
      </c>
      <c r="L191" s="156">
        <v>8.8638807768848832E-2</v>
      </c>
      <c r="M191" s="92">
        <v>5.7524259596118087E-2</v>
      </c>
      <c r="N191" s="156">
        <v>4.5037720917279478E-2</v>
      </c>
      <c r="O191" s="92">
        <v>4.5328307985526013E-2</v>
      </c>
      <c r="P191" s="152">
        <v>108</v>
      </c>
      <c r="Q191" s="156">
        <v>0.90883348418985543</v>
      </c>
      <c r="R191" s="92">
        <v>5.8119612758424845E-2</v>
      </c>
      <c r="S191" s="156">
        <v>6.2826247986827996E-2</v>
      </c>
      <c r="T191" s="92">
        <v>5.0810159982857289E-2</v>
      </c>
      <c r="U191" s="156">
        <v>2.834026782331657E-2</v>
      </c>
      <c r="V191" s="92">
        <v>3.9253548836077984E-2</v>
      </c>
    </row>
    <row r="192" spans="1:22" customFormat="1">
      <c r="A192" s="40" t="s">
        <v>540</v>
      </c>
      <c r="B192" s="78">
        <v>244</v>
      </c>
      <c r="C192" s="93">
        <v>0.33733845092556491</v>
      </c>
      <c r="D192" s="89">
        <v>6.0159444909544557E-2</v>
      </c>
      <c r="E192" s="93">
        <v>0.36730504874455733</v>
      </c>
      <c r="F192" s="89">
        <v>6.1297196124515826E-2</v>
      </c>
      <c r="G192" s="93">
        <v>0.29535650032987665</v>
      </c>
      <c r="H192" s="89">
        <v>5.8124043893398578E-2</v>
      </c>
      <c r="I192" s="78">
        <v>243</v>
      </c>
      <c r="J192" s="93">
        <v>0.80886202755777137</v>
      </c>
      <c r="K192" s="89">
        <v>5.0530620971759928E-2</v>
      </c>
      <c r="L192" s="93">
        <v>0.12107456571537487</v>
      </c>
      <c r="M192" s="89">
        <v>4.2403186980383756E-2</v>
      </c>
      <c r="N192" s="93">
        <v>7.006340672685292E-2</v>
      </c>
      <c r="O192" s="89">
        <v>3.3930852956184247E-2</v>
      </c>
      <c r="P192" s="78">
        <v>242</v>
      </c>
      <c r="Q192" s="93">
        <v>0.87695003875773869</v>
      </c>
      <c r="R192" s="89">
        <v>4.2768417163274515E-2</v>
      </c>
      <c r="S192" s="93">
        <v>8.4017312590478441E-2</v>
      </c>
      <c r="T192" s="89">
        <v>3.6634876490379664E-2</v>
      </c>
      <c r="U192" s="93">
        <v>3.9032648651782582E-2</v>
      </c>
      <c r="V192" s="89">
        <v>2.6858010582933037E-2</v>
      </c>
    </row>
    <row r="193" spans="1:22" customFormat="1">
      <c r="A193" s="44" t="s">
        <v>541</v>
      </c>
      <c r="B193" s="152">
        <v>80</v>
      </c>
      <c r="C193" s="156">
        <v>0.3167377078956215</v>
      </c>
      <c r="D193" s="92">
        <v>0.1022455852006343</v>
      </c>
      <c r="E193" s="156">
        <v>0.31958044593877216</v>
      </c>
      <c r="F193" s="92">
        <v>0.10246371901290327</v>
      </c>
      <c r="G193" s="156">
        <v>0.36368184616560645</v>
      </c>
      <c r="H193" s="92">
        <v>0.10536670626699618</v>
      </c>
      <c r="I193" s="152">
        <v>79</v>
      </c>
      <c r="J193" s="156">
        <v>0.8540809098405957</v>
      </c>
      <c r="K193" s="92">
        <v>8.1082940431893319E-2</v>
      </c>
      <c r="L193" s="156">
        <v>6.1500368820510881E-2</v>
      </c>
      <c r="M193" s="92">
        <v>6.044202165318778E-2</v>
      </c>
      <c r="N193" s="156">
        <v>8.4418721338893513E-2</v>
      </c>
      <c r="O193" s="92">
        <v>6.7140426248624707E-2</v>
      </c>
      <c r="P193" s="152">
        <v>80</v>
      </c>
      <c r="Q193" s="156">
        <v>0.9077638015606404</v>
      </c>
      <c r="R193" s="92">
        <v>6.8725476414369227E-2</v>
      </c>
      <c r="S193" s="156">
        <v>4.3913975277641099E-2</v>
      </c>
      <c r="T193" s="92">
        <v>5.4039117695927612E-2</v>
      </c>
      <c r="U193" s="156">
        <v>4.8322223161718691E-2</v>
      </c>
      <c r="V193" s="92">
        <v>5.5615330036984184E-2</v>
      </c>
    </row>
    <row r="194" spans="1:22" customFormat="1">
      <c r="A194" s="40" t="s">
        <v>542</v>
      </c>
      <c r="B194" s="78">
        <v>68</v>
      </c>
      <c r="C194" s="93">
        <v>0.33443143628390715</v>
      </c>
      <c r="D194" s="89">
        <v>0.11193954868969942</v>
      </c>
      <c r="E194" s="93">
        <v>0.38672491890243932</v>
      </c>
      <c r="F194" s="89">
        <v>0.11512187917713018</v>
      </c>
      <c r="G194" s="93">
        <v>0.2788436448136537</v>
      </c>
      <c r="H194" s="89">
        <v>0.10707561415232379</v>
      </c>
      <c r="I194" s="78">
        <v>68</v>
      </c>
      <c r="J194" s="93">
        <v>0.79399304829345485</v>
      </c>
      <c r="K194" s="89">
        <v>9.8009315946230344E-2</v>
      </c>
      <c r="L194" s="93">
        <v>0.13581773423766991</v>
      </c>
      <c r="M194" s="89">
        <v>8.5537014125347033E-2</v>
      </c>
      <c r="N194" s="93">
        <v>7.0189217468875492E-2</v>
      </c>
      <c r="O194" s="89">
        <v>6.8806848005144847E-2</v>
      </c>
      <c r="P194" s="78">
        <v>68</v>
      </c>
      <c r="Q194" s="93">
        <v>0.83936107854015474</v>
      </c>
      <c r="R194" s="89">
        <v>9.0454047164346629E-2</v>
      </c>
      <c r="S194" s="93">
        <v>0.12756349118124577</v>
      </c>
      <c r="T194" s="89">
        <v>8.375726792551573E-2</v>
      </c>
      <c r="U194" s="93">
        <v>3.3075430278599764E-2</v>
      </c>
      <c r="V194" s="89">
        <v>5.5544193203890944E-2</v>
      </c>
    </row>
    <row r="195" spans="1:22" customFormat="1">
      <c r="A195" s="44" t="s">
        <v>543</v>
      </c>
      <c r="B195" s="152">
        <v>59</v>
      </c>
      <c r="C195" s="156">
        <v>0.46161815992336686</v>
      </c>
      <c r="D195" s="92">
        <v>0.1256621735507448</v>
      </c>
      <c r="E195" s="156">
        <v>0.29154531189625116</v>
      </c>
      <c r="F195" s="92">
        <v>0.11598832962819527</v>
      </c>
      <c r="G195" s="156">
        <v>0.24683652818038201</v>
      </c>
      <c r="H195" s="92">
        <v>0.11092354618303497</v>
      </c>
      <c r="I195" s="152">
        <v>59</v>
      </c>
      <c r="J195" s="156">
        <v>0.73478965535314023</v>
      </c>
      <c r="K195" s="92">
        <v>0.11315160244200913</v>
      </c>
      <c r="L195" s="156">
        <v>0.17964826454123442</v>
      </c>
      <c r="M195" s="92">
        <v>0.10078826910154198</v>
      </c>
      <c r="N195" s="156">
        <v>8.5562080105625354E-2</v>
      </c>
      <c r="O195" s="92">
        <v>7.9426295759908797E-2</v>
      </c>
      <c r="P195" s="152">
        <v>58</v>
      </c>
      <c r="Q195" s="156">
        <v>0.86549523074046508</v>
      </c>
      <c r="R195" s="92">
        <v>9.266457225996029E-2</v>
      </c>
      <c r="S195" s="156">
        <v>8.1957031101750247E-2</v>
      </c>
      <c r="T195" s="92">
        <v>7.9133344024457569E-2</v>
      </c>
      <c r="U195" s="156">
        <v>5.25477381577849E-2</v>
      </c>
      <c r="V195" s="92">
        <v>6.9462044339186776E-2</v>
      </c>
    </row>
    <row r="196" spans="1:22" customFormat="1">
      <c r="A196" s="52" t="s">
        <v>544</v>
      </c>
      <c r="B196" s="78">
        <v>37</v>
      </c>
      <c r="C196" s="93">
        <v>0.12504196023501357</v>
      </c>
      <c r="D196" s="89">
        <v>0.11497663098868235</v>
      </c>
      <c r="E196" s="93">
        <v>0.60425744894730538</v>
      </c>
      <c r="F196" s="89">
        <v>0.15338388836084935</v>
      </c>
      <c r="G196" s="93">
        <v>0.27070059081768105</v>
      </c>
      <c r="H196" s="89">
        <v>0.14217148648414607</v>
      </c>
      <c r="I196" s="78">
        <v>37</v>
      </c>
      <c r="J196" s="93">
        <v>0.89477822756233227</v>
      </c>
      <c r="K196" s="89">
        <v>0.10957856135778536</v>
      </c>
      <c r="L196" s="93">
        <v>0.10522177243766767</v>
      </c>
      <c r="M196" s="89">
        <v>0.10957856135778533</v>
      </c>
      <c r="N196" s="93">
        <v>0</v>
      </c>
      <c r="O196" s="89">
        <v>6.7282405785121679E-2</v>
      </c>
      <c r="P196" s="78">
        <v>36</v>
      </c>
      <c r="Q196" s="93">
        <v>0.92241749924370842</v>
      </c>
      <c r="R196" s="89">
        <v>0.10269683521388581</v>
      </c>
      <c r="S196" s="93">
        <v>7.758250075629132E-2</v>
      </c>
      <c r="T196" s="89">
        <v>0.10269683521388574</v>
      </c>
      <c r="U196" s="93">
        <v>0</v>
      </c>
      <c r="V196" s="89">
        <v>6.8920243760451111E-2</v>
      </c>
    </row>
    <row r="197" spans="1:22" customFormat="1">
      <c r="A197" s="44" t="s">
        <v>545</v>
      </c>
      <c r="B197" s="152">
        <v>391</v>
      </c>
      <c r="C197" s="156">
        <v>0.34159067426401934</v>
      </c>
      <c r="D197" s="92">
        <v>4.7777134016714143E-2</v>
      </c>
      <c r="E197" s="156">
        <v>0.3442291166539414</v>
      </c>
      <c r="F197" s="92">
        <v>4.7863135881153082E-2</v>
      </c>
      <c r="G197" s="156">
        <v>0.31418020908203914</v>
      </c>
      <c r="H197" s="92">
        <v>4.6787078801237496E-2</v>
      </c>
      <c r="I197" s="152">
        <v>392</v>
      </c>
      <c r="J197" s="156">
        <v>0.81169235989335053</v>
      </c>
      <c r="K197" s="92">
        <v>3.9542922536483394E-2</v>
      </c>
      <c r="L197" s="156">
        <v>0.15498859304743851</v>
      </c>
      <c r="M197" s="92">
        <v>3.6702419010878194E-2</v>
      </c>
      <c r="N197" s="156">
        <v>3.3319047059211432E-2</v>
      </c>
      <c r="O197" s="92">
        <v>1.9223955827493359E-2</v>
      </c>
      <c r="P197" s="152">
        <v>392</v>
      </c>
      <c r="Q197" s="156">
        <v>0.88241873537594695</v>
      </c>
      <c r="R197" s="92">
        <v>3.2828820722592307E-2</v>
      </c>
      <c r="S197" s="156">
        <v>8.5335433746039635E-2</v>
      </c>
      <c r="T197" s="92">
        <v>2.8693684318889797E-2</v>
      </c>
      <c r="U197" s="156">
        <v>3.224583087801338E-2</v>
      </c>
      <c r="V197" s="92">
        <v>1.8964025935228362E-2</v>
      </c>
    </row>
    <row r="198" spans="1:22" customFormat="1">
      <c r="A198" s="52" t="s">
        <v>546</v>
      </c>
      <c r="B198" s="78">
        <v>40</v>
      </c>
      <c r="C198" s="93">
        <v>0.3549367643484142</v>
      </c>
      <c r="D198" s="89">
        <v>0.14541752051041471</v>
      </c>
      <c r="E198" s="93">
        <v>0.28121128884388857</v>
      </c>
      <c r="F198" s="89">
        <v>0.13831428510048618</v>
      </c>
      <c r="G198" s="93">
        <v>0.36385194680769728</v>
      </c>
      <c r="H198" s="89">
        <v>0.14606373144889287</v>
      </c>
      <c r="I198" s="78">
        <v>40</v>
      </c>
      <c r="J198" s="93">
        <v>0.71656145875796473</v>
      </c>
      <c r="K198" s="89">
        <v>0.13857738471253442</v>
      </c>
      <c r="L198" s="93">
        <v>0.2318028191876883</v>
      </c>
      <c r="M198" s="89">
        <v>0.13161719422439358</v>
      </c>
      <c r="N198" s="93">
        <v>5.1635722054347105E-2</v>
      </c>
      <c r="O198" s="89">
        <v>8.7312953135802049E-2</v>
      </c>
      <c r="P198" s="78">
        <v>40</v>
      </c>
      <c r="Q198" s="93">
        <v>0.86936995286250596</v>
      </c>
      <c r="R198" s="89">
        <v>0.11169947267341247</v>
      </c>
      <c r="S198" s="93">
        <v>0.1306300471374941</v>
      </c>
      <c r="T198" s="89">
        <v>0.11169947267341249</v>
      </c>
      <c r="U198" s="93">
        <v>0</v>
      </c>
      <c r="V198" s="89">
        <v>6.2804479973432498E-2</v>
      </c>
    </row>
    <row r="199" spans="1:22" customFormat="1">
      <c r="A199" s="44" t="s">
        <v>547</v>
      </c>
      <c r="B199" s="152">
        <v>65</v>
      </c>
      <c r="C199" s="156">
        <v>0.35677704507709701</v>
      </c>
      <c r="D199" s="92">
        <v>0.11592014902761127</v>
      </c>
      <c r="E199" s="156">
        <v>0.30945062031604864</v>
      </c>
      <c r="F199" s="92">
        <v>0.1123603568879601</v>
      </c>
      <c r="G199" s="156">
        <v>0.33377233460685402</v>
      </c>
      <c r="H199" s="92">
        <v>0.11432959507384241</v>
      </c>
      <c r="I199" s="152">
        <v>65</v>
      </c>
      <c r="J199" s="156">
        <v>0.84818807278287711</v>
      </c>
      <c r="K199" s="92">
        <v>9.0861851951981584E-2</v>
      </c>
      <c r="L199" s="156">
        <v>0.13167320140003727</v>
      </c>
      <c r="M199" s="92">
        <v>8.6680717538523452E-2</v>
      </c>
      <c r="N199" s="156">
        <v>2.0138725817085402E-2</v>
      </c>
      <c r="O199" s="92">
        <v>5.1446845421830284E-2</v>
      </c>
      <c r="P199" s="152">
        <v>65</v>
      </c>
      <c r="Q199" s="156">
        <v>0.88682568698958475</v>
      </c>
      <c r="R199" s="92">
        <v>8.2431140973494021E-2</v>
      </c>
      <c r="S199" s="156">
        <v>9.3634123350754675E-2</v>
      </c>
      <c r="T199" s="92">
        <v>7.7443837511510974E-2</v>
      </c>
      <c r="U199" s="156">
        <v>1.9540189659660354E-2</v>
      </c>
      <c r="V199" s="92">
        <v>5.1158657593759455E-2</v>
      </c>
    </row>
    <row r="200" spans="1:22" customFormat="1">
      <c r="A200" s="52" t="s">
        <v>548</v>
      </c>
      <c r="B200" s="78">
        <v>124</v>
      </c>
      <c r="C200" s="93">
        <v>0.30207323261110969</v>
      </c>
      <c r="D200" s="89">
        <v>8.1630871867278271E-2</v>
      </c>
      <c r="E200" s="93">
        <v>0.36064102953899918</v>
      </c>
      <c r="F200" s="89">
        <v>8.5105434475561959E-2</v>
      </c>
      <c r="G200" s="93">
        <v>0.33728573784989058</v>
      </c>
      <c r="H200" s="89">
        <v>8.3881046575206841E-2</v>
      </c>
      <c r="I200" s="78">
        <v>124</v>
      </c>
      <c r="J200" s="93">
        <v>0.78401859708447608</v>
      </c>
      <c r="K200" s="89">
        <v>7.3802168156534495E-2</v>
      </c>
      <c r="L200" s="93">
        <v>0.17788678258991655</v>
      </c>
      <c r="M200" s="89">
        <v>6.9062145440201173E-2</v>
      </c>
      <c r="N200" s="93">
        <v>3.8094620325607405E-2</v>
      </c>
      <c r="O200" s="89">
        <v>3.9437391215650493E-2</v>
      </c>
      <c r="P200" s="78">
        <v>124</v>
      </c>
      <c r="Q200" s="93">
        <v>0.8912535785970066</v>
      </c>
      <c r="R200" s="89">
        <v>5.7646174483504883E-2</v>
      </c>
      <c r="S200" s="93">
        <v>5.7027472591466066E-2</v>
      </c>
      <c r="T200" s="89">
        <v>4.5362345194398856E-2</v>
      </c>
      <c r="U200" s="93">
        <v>5.1718948811527415E-2</v>
      </c>
      <c r="V200" s="89">
        <v>4.3806248466915651E-2</v>
      </c>
    </row>
    <row r="201" spans="1:22" customFormat="1">
      <c r="A201" s="44" t="s">
        <v>549</v>
      </c>
      <c r="B201" s="152">
        <v>37</v>
      </c>
      <c r="C201" s="156">
        <v>0.58037576087431719</v>
      </c>
      <c r="D201" s="92">
        <v>0.15452169678285993</v>
      </c>
      <c r="E201" s="156">
        <v>0.12345355917161743</v>
      </c>
      <c r="F201" s="92">
        <v>0.11456344547116884</v>
      </c>
      <c r="G201" s="156">
        <v>0.29617067995406515</v>
      </c>
      <c r="H201" s="92">
        <v>0.14522137072082941</v>
      </c>
      <c r="I201" s="152">
        <v>37</v>
      </c>
      <c r="J201" s="156">
        <v>0.86657572556862339</v>
      </c>
      <c r="K201" s="92">
        <v>0.1171046068822517</v>
      </c>
      <c r="L201" s="156">
        <v>0.13342427443137667</v>
      </c>
      <c r="M201" s="92">
        <v>0.11710460688225176</v>
      </c>
      <c r="N201" s="156">
        <v>0</v>
      </c>
      <c r="O201" s="92">
        <v>6.7282405785121679E-2</v>
      </c>
      <c r="P201" s="152">
        <v>38</v>
      </c>
      <c r="Q201" s="156">
        <v>0.93342586748781509</v>
      </c>
      <c r="R201" s="92">
        <v>9.5728068725540613E-2</v>
      </c>
      <c r="S201" s="156">
        <v>3.993761604357015E-2</v>
      </c>
      <c r="T201" s="92">
        <v>8.5489349141533999E-2</v>
      </c>
      <c r="U201" s="156">
        <v>2.6636516468614757E-2</v>
      </c>
      <c r="V201" s="92">
        <v>7.9627210869625667E-2</v>
      </c>
    </row>
    <row r="202" spans="1:22" customFormat="1">
      <c r="A202" s="52" t="s">
        <v>550</v>
      </c>
      <c r="B202" s="78">
        <v>78</v>
      </c>
      <c r="C202" s="93">
        <v>0.32014647818386055</v>
      </c>
      <c r="D202" s="89">
        <v>0.10376605306417609</v>
      </c>
      <c r="E202" s="93">
        <v>0.40225411060978439</v>
      </c>
      <c r="F202" s="89">
        <v>0.10850539589217618</v>
      </c>
      <c r="G202" s="93">
        <v>0.27759941120635429</v>
      </c>
      <c r="H202" s="89">
        <v>0.10005994412003877</v>
      </c>
      <c r="I202" s="78">
        <v>79</v>
      </c>
      <c r="J202" s="93">
        <v>0.86824594278970768</v>
      </c>
      <c r="K202" s="89">
        <v>7.8279802621367994E-2</v>
      </c>
      <c r="L202" s="93">
        <v>9.6448193544134517E-2</v>
      </c>
      <c r="M202" s="89">
        <v>7.0271240696732948E-2</v>
      </c>
      <c r="N202" s="93">
        <v>3.5305863666157559E-2</v>
      </c>
      <c r="O202" s="89">
        <v>5.1188940771956279E-2</v>
      </c>
      <c r="P202" s="78">
        <v>78</v>
      </c>
      <c r="Q202" s="93">
        <v>0.88037890083177184</v>
      </c>
      <c r="R202" s="89">
        <v>7.6216480592818339E-2</v>
      </c>
      <c r="S202" s="93">
        <v>0.10629696086672492</v>
      </c>
      <c r="T202" s="89">
        <v>7.3169111963503161E-2</v>
      </c>
      <c r="U202" s="93">
        <v>1.3324138301502787E-2</v>
      </c>
      <c r="V202" s="89">
        <v>4.1725381346176676E-2</v>
      </c>
    </row>
    <row r="203" spans="1:22" customFormat="1">
      <c r="A203" s="44" t="s">
        <v>551</v>
      </c>
      <c r="B203" s="152">
        <v>47</v>
      </c>
      <c r="C203" s="156">
        <v>0.30958739542230412</v>
      </c>
      <c r="D203" s="92">
        <v>0.13112107032731238</v>
      </c>
      <c r="E203" s="156">
        <v>0.41566830545544325</v>
      </c>
      <c r="F203" s="92">
        <v>0.13832612754188142</v>
      </c>
      <c r="G203" s="156">
        <v>0.27474429912225218</v>
      </c>
      <c r="H203" s="92">
        <v>0.12738916089967181</v>
      </c>
      <c r="I203" s="152">
        <v>47</v>
      </c>
      <c r="J203" s="156">
        <v>0.76438993510754838</v>
      </c>
      <c r="K203" s="92">
        <v>0.12227676313890695</v>
      </c>
      <c r="L203" s="156">
        <v>0.19405282862851361</v>
      </c>
      <c r="M203" s="92">
        <v>0.11564091008462772</v>
      </c>
      <c r="N203" s="156">
        <v>4.1557236263937619E-2</v>
      </c>
      <c r="O203" s="92">
        <v>7.4888248194377616E-2</v>
      </c>
      <c r="P203" s="152">
        <v>47</v>
      </c>
      <c r="Q203" s="156">
        <v>0.8339789572768127</v>
      </c>
      <c r="R203" s="92">
        <v>0.11035368577805275</v>
      </c>
      <c r="S203" s="156">
        <v>0.1096584365448704</v>
      </c>
      <c r="T203" s="92">
        <v>9.7255199863933009E-2</v>
      </c>
      <c r="U203" s="156">
        <v>5.6362606178316517E-2</v>
      </c>
      <c r="V203" s="92">
        <v>8.0609428908845385E-2</v>
      </c>
    </row>
    <row r="204" spans="1:22" s="5" customFormat="1"/>
  </sheetData>
  <mergeCells count="32">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 ref="A148:K148"/>
    <mergeCell ref="A149:K149"/>
    <mergeCell ref="A177:V177"/>
    <mergeCell ref="A178:V178"/>
    <mergeCell ref="B179:H179"/>
    <mergeCell ref="I179:O179"/>
    <mergeCell ref="P179:V179"/>
    <mergeCell ref="A150:D150"/>
    <mergeCell ref="E150:K150"/>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5"/>
  <sheetViews>
    <sheetView zoomScaleNormal="100" workbookViewId="0"/>
  </sheetViews>
  <sheetFormatPr defaultColWidth="18" defaultRowHeight="15"/>
  <cols>
    <col min="1" max="1" width="52" style="5" customWidth="1"/>
    <col min="2" max="4" width="19.42578125" style="5" customWidth="1"/>
    <col min="5" max="8" width="18" style="5"/>
    <col min="9" max="9" width="19.85546875" style="5" customWidth="1"/>
    <col min="10" max="16384" width="18" style="5"/>
  </cols>
  <sheetData>
    <row r="1" spans="1:37" ht="29.25" customHeight="1">
      <c r="A1" s="31" t="s">
        <v>60</v>
      </c>
      <c r="P1" s="225"/>
      <c r="Q1" s="225"/>
      <c r="R1" s="225"/>
      <c r="S1" s="225"/>
      <c r="T1" s="225"/>
      <c r="U1" s="225"/>
      <c r="V1" s="225"/>
      <c r="W1" s="225"/>
      <c r="X1" s="225"/>
      <c r="Y1" s="225"/>
      <c r="Z1" s="225"/>
      <c r="AA1" s="225"/>
      <c r="AB1" s="225"/>
      <c r="AC1" s="225"/>
      <c r="AD1" s="225"/>
      <c r="AE1" s="225"/>
      <c r="AF1" s="225"/>
      <c r="AG1" s="225"/>
      <c r="AH1" s="225"/>
      <c r="AI1" s="225"/>
      <c r="AJ1" s="225"/>
      <c r="AK1" s="225"/>
    </row>
    <row r="2" spans="1:37" ht="15.75" customHeight="1">
      <c r="A2" s="31"/>
      <c r="P2" s="225"/>
      <c r="Q2" s="225"/>
      <c r="R2" s="225"/>
      <c r="S2" s="225"/>
      <c r="T2" s="225"/>
      <c r="U2" s="225"/>
      <c r="V2" s="225"/>
      <c r="W2" s="225"/>
      <c r="X2" s="225"/>
      <c r="Y2" s="225"/>
      <c r="Z2" s="225"/>
      <c r="AA2" s="225"/>
      <c r="AB2" s="225"/>
      <c r="AC2" s="225"/>
      <c r="AD2" s="225"/>
      <c r="AE2" s="225"/>
      <c r="AF2" s="225"/>
      <c r="AG2" s="225"/>
      <c r="AH2" s="225"/>
      <c r="AI2" s="225"/>
      <c r="AJ2" s="225"/>
      <c r="AK2" s="225"/>
    </row>
    <row r="3" spans="1:37" ht="18.75">
      <c r="A3" s="336" t="s">
        <v>362</v>
      </c>
      <c r="B3" s="336"/>
      <c r="C3" s="336"/>
      <c r="D3" s="336"/>
      <c r="P3" s="225"/>
      <c r="Q3" s="225"/>
      <c r="R3" s="225"/>
      <c r="S3" s="225"/>
      <c r="T3" s="225"/>
      <c r="U3" s="225"/>
      <c r="V3" s="225"/>
      <c r="W3" s="225"/>
      <c r="X3" s="225"/>
      <c r="Y3" s="225"/>
      <c r="Z3" s="225"/>
      <c r="AA3" s="225"/>
      <c r="AB3" s="225"/>
      <c r="AC3" s="225"/>
      <c r="AD3" s="225"/>
      <c r="AE3" s="225"/>
      <c r="AF3" s="225"/>
      <c r="AG3" s="225"/>
      <c r="AH3" s="225"/>
      <c r="AI3" s="225"/>
      <c r="AJ3" s="225"/>
      <c r="AK3" s="225"/>
    </row>
    <row r="4" spans="1:37" ht="99.75" customHeight="1">
      <c r="A4" s="372" t="s">
        <v>360</v>
      </c>
      <c r="B4" s="372"/>
      <c r="C4" s="372"/>
      <c r="D4" s="372"/>
      <c r="P4" s="225"/>
      <c r="Q4" s="225"/>
      <c r="R4" s="225"/>
      <c r="S4" s="225"/>
      <c r="T4" s="225"/>
      <c r="U4" s="225"/>
      <c r="V4" s="225"/>
      <c r="W4" s="225"/>
      <c r="X4" s="225"/>
      <c r="Y4" s="225"/>
      <c r="Z4" s="225"/>
      <c r="AA4" s="225"/>
      <c r="AB4" s="225"/>
      <c r="AC4" s="225"/>
      <c r="AD4" s="225"/>
      <c r="AE4" s="225"/>
      <c r="AF4" s="225"/>
      <c r="AG4" s="225"/>
      <c r="AH4" s="225"/>
      <c r="AI4" s="225"/>
      <c r="AJ4" s="225"/>
      <c r="AK4" s="225"/>
    </row>
    <row r="5" spans="1:37" ht="36.75" customHeight="1">
      <c r="A5" s="373" t="s">
        <v>361</v>
      </c>
      <c r="B5" s="374"/>
      <c r="C5" s="374"/>
      <c r="D5" s="374"/>
      <c r="P5" s="225"/>
      <c r="Q5" s="225"/>
      <c r="R5" s="225"/>
      <c r="S5" s="225"/>
      <c r="T5" s="225"/>
      <c r="U5" s="225"/>
      <c r="V5" s="225"/>
      <c r="W5" s="225"/>
      <c r="X5" s="225"/>
      <c r="Y5" s="225"/>
      <c r="Z5" s="225"/>
      <c r="AA5" s="225"/>
      <c r="AB5" s="225"/>
      <c r="AC5" s="225"/>
      <c r="AD5" s="225"/>
      <c r="AE5" s="225"/>
      <c r="AF5" s="225"/>
      <c r="AG5" s="225"/>
      <c r="AH5" s="225"/>
      <c r="AI5" s="225"/>
      <c r="AJ5" s="225"/>
      <c r="AK5" s="225"/>
    </row>
    <row r="6" spans="1:37" ht="72">
      <c r="A6" s="32" t="s">
        <v>71</v>
      </c>
      <c r="B6" s="33" t="s">
        <v>72</v>
      </c>
      <c r="C6" s="34" t="s">
        <v>589</v>
      </c>
      <c r="D6" s="35" t="s">
        <v>73</v>
      </c>
      <c r="P6" s="225"/>
      <c r="Q6" s="225"/>
      <c r="R6" s="225"/>
      <c r="S6" s="225"/>
      <c r="T6" s="225"/>
      <c r="U6" s="225"/>
      <c r="V6" s="225"/>
      <c r="W6" s="225"/>
      <c r="X6" s="225"/>
      <c r="Y6" s="225"/>
      <c r="Z6" s="225"/>
      <c r="AA6" s="225"/>
      <c r="AB6" s="225"/>
      <c r="AC6" s="225"/>
      <c r="AD6" s="225"/>
      <c r="AE6" s="225"/>
      <c r="AF6" s="225"/>
      <c r="AG6" s="225"/>
      <c r="AH6" s="225"/>
      <c r="AI6" s="225"/>
      <c r="AJ6" s="225"/>
      <c r="AK6" s="225"/>
    </row>
    <row r="7" spans="1:37" ht="72">
      <c r="A7" s="36"/>
      <c r="B7" s="37" t="s">
        <v>74</v>
      </c>
      <c r="C7" s="38" t="s">
        <v>582</v>
      </c>
      <c r="D7" s="39" t="s">
        <v>76</v>
      </c>
      <c r="P7" s="225"/>
      <c r="Q7" s="225"/>
      <c r="R7" s="225"/>
      <c r="S7" s="225"/>
      <c r="T7" s="225"/>
      <c r="U7" s="225"/>
      <c r="V7" s="225"/>
      <c r="W7" s="225"/>
      <c r="X7" s="225"/>
      <c r="Y7" s="225"/>
      <c r="Z7" s="225"/>
      <c r="AA7" s="225"/>
      <c r="AB7" s="225"/>
      <c r="AC7" s="225"/>
      <c r="AD7" s="225"/>
      <c r="AE7" s="225"/>
      <c r="AF7" s="225"/>
      <c r="AG7" s="225"/>
      <c r="AH7" s="225"/>
      <c r="AI7" s="225"/>
      <c r="AJ7" s="225"/>
      <c r="AK7" s="225"/>
    </row>
    <row r="8" spans="1:37">
      <c r="A8" s="40" t="s">
        <v>349</v>
      </c>
      <c r="B8" s="128">
        <v>13760</v>
      </c>
      <c r="C8" s="129">
        <v>5.3107549376785776</v>
      </c>
      <c r="D8" s="130">
        <v>1.980026958620976E-2</v>
      </c>
      <c r="P8" s="225"/>
      <c r="Q8" s="225"/>
      <c r="R8" s="225"/>
      <c r="S8" s="225"/>
      <c r="T8" s="225"/>
      <c r="U8" s="225"/>
      <c r="V8" s="225"/>
      <c r="W8" s="225"/>
      <c r="X8" s="225"/>
      <c r="Y8" s="225"/>
      <c r="Z8" s="225"/>
      <c r="AA8" s="225"/>
      <c r="AB8" s="225"/>
      <c r="AC8" s="225"/>
      <c r="AD8" s="225"/>
      <c r="AE8" s="225"/>
      <c r="AF8" s="225"/>
      <c r="AG8" s="225"/>
      <c r="AH8" s="225"/>
      <c r="AI8" s="225"/>
      <c r="AJ8" s="225"/>
      <c r="AK8" s="225"/>
    </row>
    <row r="9" spans="1:37">
      <c r="A9" s="44" t="s">
        <v>350</v>
      </c>
      <c r="B9" s="44">
        <v>10041</v>
      </c>
      <c r="C9" s="132">
        <v>5.425601896978967</v>
      </c>
      <c r="D9" s="133">
        <v>2.2820295307440942E-2</v>
      </c>
      <c r="P9" s="225"/>
      <c r="Q9" s="225"/>
      <c r="R9" s="225"/>
      <c r="S9" s="225"/>
      <c r="T9" s="225"/>
      <c r="U9" s="225"/>
      <c r="V9" s="225"/>
      <c r="W9" s="225"/>
      <c r="X9" s="225"/>
      <c r="Y9" s="225"/>
      <c r="Z9" s="225"/>
      <c r="AA9" s="225"/>
      <c r="AB9" s="225"/>
      <c r="AC9" s="225"/>
      <c r="AD9" s="225"/>
      <c r="AE9" s="225"/>
      <c r="AF9" s="225"/>
      <c r="AG9" s="225"/>
      <c r="AH9" s="225"/>
      <c r="AI9" s="225"/>
      <c r="AJ9" s="225"/>
      <c r="AK9" s="225"/>
    </row>
    <row r="10" spans="1:37">
      <c r="A10" s="40" t="s">
        <v>351</v>
      </c>
      <c r="B10" s="48">
        <v>3719</v>
      </c>
      <c r="C10" s="129">
        <v>5.2193696323113699</v>
      </c>
      <c r="D10" s="130">
        <v>3.8927555702293927E-2</v>
      </c>
      <c r="P10" s="225"/>
      <c r="Q10" s="225"/>
      <c r="R10" s="225"/>
      <c r="S10" s="225"/>
      <c r="T10" s="225"/>
      <c r="U10" s="225"/>
      <c r="V10" s="225"/>
      <c r="W10" s="225"/>
      <c r="X10" s="225"/>
      <c r="Y10" s="225"/>
      <c r="Z10" s="225"/>
      <c r="AA10" s="225"/>
      <c r="AB10" s="225"/>
      <c r="AC10" s="225"/>
      <c r="AD10" s="225"/>
      <c r="AE10" s="225"/>
      <c r="AF10" s="225"/>
      <c r="AG10" s="225"/>
      <c r="AH10" s="225"/>
      <c r="AI10" s="225"/>
      <c r="AJ10" s="225"/>
      <c r="AK10" s="225"/>
    </row>
    <row r="11" spans="1:37">
      <c r="A11" s="44" t="s">
        <v>533</v>
      </c>
      <c r="B11" s="44">
        <v>3167</v>
      </c>
      <c r="C11" s="132">
        <v>5.3752901838917078</v>
      </c>
      <c r="D11" s="133">
        <v>3.9545584594244232E-2</v>
      </c>
      <c r="P11" s="225"/>
      <c r="Q11" s="225"/>
      <c r="R11" s="225"/>
      <c r="S11" s="225"/>
      <c r="T11" s="225"/>
      <c r="U11" s="225"/>
      <c r="V11" s="225"/>
      <c r="W11" s="225"/>
      <c r="X11" s="225"/>
      <c r="Y11" s="225"/>
      <c r="Z11" s="225"/>
      <c r="AA11" s="225"/>
      <c r="AB11" s="225"/>
      <c r="AC11" s="225"/>
      <c r="AD11" s="225"/>
      <c r="AE11" s="225"/>
      <c r="AF11" s="225"/>
      <c r="AG11" s="225"/>
      <c r="AH11" s="225"/>
      <c r="AI11" s="225"/>
      <c r="AJ11" s="225"/>
      <c r="AK11" s="225"/>
    </row>
    <row r="12" spans="1:37">
      <c r="A12" s="40" t="s">
        <v>534</v>
      </c>
      <c r="B12" s="48">
        <v>2478</v>
      </c>
      <c r="C12" s="129">
        <v>5.5679389996974757</v>
      </c>
      <c r="D12" s="130">
        <v>4.3518619627036424E-2</v>
      </c>
      <c r="P12" s="225"/>
      <c r="Q12" s="225"/>
      <c r="R12" s="225"/>
      <c r="S12" s="225"/>
      <c r="T12" s="225"/>
      <c r="U12" s="225"/>
      <c r="V12" s="225"/>
      <c r="W12" s="225"/>
      <c r="X12" s="225"/>
      <c r="Y12" s="225"/>
      <c r="Z12" s="225"/>
      <c r="AA12" s="225"/>
      <c r="AB12" s="225"/>
      <c r="AC12" s="225"/>
      <c r="AD12" s="225"/>
      <c r="AE12" s="225"/>
      <c r="AF12" s="225"/>
      <c r="AG12" s="225"/>
      <c r="AH12" s="225"/>
      <c r="AI12" s="225"/>
      <c r="AJ12" s="225"/>
      <c r="AK12" s="225"/>
    </row>
    <row r="13" spans="1:37">
      <c r="A13" s="44" t="s">
        <v>535</v>
      </c>
      <c r="B13" s="44">
        <v>482</v>
      </c>
      <c r="C13" s="132">
        <v>5.6699583752144873</v>
      </c>
      <c r="D13" s="133">
        <v>8.9868571293457558E-2</v>
      </c>
      <c r="P13" s="225"/>
      <c r="Q13" s="225"/>
      <c r="R13" s="225"/>
      <c r="S13" s="225"/>
      <c r="T13" s="225"/>
      <c r="U13" s="225"/>
      <c r="V13" s="225"/>
      <c r="W13" s="225"/>
      <c r="X13" s="225"/>
      <c r="Y13" s="225"/>
      <c r="Z13" s="225"/>
      <c r="AA13" s="225"/>
      <c r="AB13" s="225"/>
      <c r="AC13" s="225"/>
      <c r="AD13" s="225"/>
      <c r="AE13" s="225"/>
      <c r="AF13" s="225"/>
      <c r="AG13" s="225"/>
      <c r="AH13" s="225"/>
      <c r="AI13" s="225"/>
      <c r="AJ13" s="225"/>
      <c r="AK13" s="225"/>
    </row>
    <row r="14" spans="1:37">
      <c r="A14" s="40" t="s">
        <v>536</v>
      </c>
      <c r="B14" s="48">
        <v>89</v>
      </c>
      <c r="C14" s="129">
        <v>5.7351420065246312</v>
      </c>
      <c r="D14" s="130">
        <v>0.22339614852885381</v>
      </c>
      <c r="P14" s="225"/>
      <c r="Q14" s="225"/>
      <c r="R14" s="225"/>
      <c r="S14" s="225"/>
      <c r="T14" s="225"/>
      <c r="U14" s="225"/>
      <c r="V14" s="225"/>
      <c r="W14" s="225"/>
      <c r="X14" s="225"/>
      <c r="Y14" s="225"/>
      <c r="Z14" s="225"/>
      <c r="AA14" s="225"/>
      <c r="AB14" s="225"/>
      <c r="AC14" s="225"/>
      <c r="AD14" s="225"/>
      <c r="AE14" s="225"/>
      <c r="AF14" s="225"/>
      <c r="AG14" s="225"/>
      <c r="AH14" s="225"/>
      <c r="AI14" s="225"/>
      <c r="AJ14" s="225"/>
      <c r="AK14" s="225"/>
    </row>
    <row r="15" spans="1:37">
      <c r="A15" s="44" t="s">
        <v>537</v>
      </c>
      <c r="B15" s="44">
        <v>137</v>
      </c>
      <c r="C15" s="132">
        <v>5.7398405841716027</v>
      </c>
      <c r="D15" s="133">
        <v>0.15490789288050491</v>
      </c>
      <c r="P15" s="225"/>
      <c r="Q15" s="225"/>
      <c r="R15" s="225"/>
      <c r="S15" s="225"/>
      <c r="T15" s="225"/>
      <c r="U15" s="225"/>
      <c r="V15" s="225"/>
      <c r="W15" s="225"/>
      <c r="X15" s="225"/>
      <c r="Y15" s="225"/>
      <c r="Z15" s="225"/>
      <c r="AA15" s="225"/>
      <c r="AB15" s="225"/>
      <c r="AC15" s="225"/>
      <c r="AD15" s="225"/>
      <c r="AE15" s="225"/>
      <c r="AF15" s="225"/>
      <c r="AG15" s="225"/>
      <c r="AH15" s="225"/>
      <c r="AI15" s="225"/>
      <c r="AJ15" s="225"/>
      <c r="AK15" s="225"/>
    </row>
    <row r="16" spans="1:37">
      <c r="A16" s="40" t="s">
        <v>538</v>
      </c>
      <c r="B16" s="48">
        <v>103</v>
      </c>
      <c r="C16" s="129">
        <v>5.5750889145827962</v>
      </c>
      <c r="D16" s="130">
        <v>0.18821126849416356</v>
      </c>
      <c r="P16" s="225"/>
      <c r="Q16" s="225"/>
      <c r="R16" s="225"/>
      <c r="S16" s="225"/>
      <c r="T16" s="225"/>
      <c r="U16" s="225"/>
      <c r="V16" s="225"/>
      <c r="W16" s="225"/>
      <c r="X16" s="225"/>
      <c r="Y16" s="225"/>
      <c r="Z16" s="225"/>
      <c r="AA16" s="225"/>
      <c r="AB16" s="225"/>
      <c r="AC16" s="225"/>
      <c r="AD16" s="225"/>
      <c r="AE16" s="225"/>
      <c r="AF16" s="225"/>
      <c r="AG16" s="225"/>
      <c r="AH16" s="225"/>
      <c r="AI16" s="225"/>
      <c r="AJ16" s="225"/>
      <c r="AK16" s="225"/>
    </row>
    <row r="17" spans="1:56">
      <c r="A17" s="44" t="s">
        <v>539</v>
      </c>
      <c r="B17" s="44">
        <v>153</v>
      </c>
      <c r="C17" s="132">
        <v>5.6470171066615453</v>
      </c>
      <c r="D17" s="133">
        <v>0.16863825221799542</v>
      </c>
      <c r="P17" s="225"/>
      <c r="Q17" s="225"/>
      <c r="R17" s="225"/>
      <c r="S17" s="225"/>
      <c r="T17" s="225"/>
      <c r="U17" s="225"/>
      <c r="V17" s="225"/>
      <c r="W17" s="225"/>
      <c r="X17" s="225"/>
      <c r="Y17" s="225"/>
      <c r="Z17" s="225"/>
      <c r="AA17" s="225"/>
      <c r="AB17" s="225"/>
      <c r="AC17" s="225"/>
      <c r="AD17" s="225"/>
      <c r="AE17" s="225"/>
      <c r="AF17" s="225"/>
      <c r="AG17" s="225"/>
      <c r="AH17" s="225"/>
      <c r="AI17" s="225"/>
      <c r="AJ17" s="225"/>
      <c r="AK17" s="225"/>
    </row>
    <row r="18" spans="1:56">
      <c r="A18" s="40" t="s">
        <v>540</v>
      </c>
      <c r="B18" s="128">
        <v>333</v>
      </c>
      <c r="C18" s="129">
        <v>5.5140046072330753</v>
      </c>
      <c r="D18" s="130">
        <v>0.12450907995550381</v>
      </c>
      <c r="P18" s="225"/>
      <c r="Q18" s="225"/>
      <c r="R18" s="225"/>
      <c r="S18" s="225"/>
      <c r="T18" s="225"/>
      <c r="U18" s="225"/>
      <c r="V18" s="225"/>
      <c r="W18" s="225"/>
      <c r="X18" s="225"/>
      <c r="Y18" s="225"/>
      <c r="Z18" s="225"/>
      <c r="AA18" s="225"/>
      <c r="AB18" s="225"/>
      <c r="AC18" s="225"/>
      <c r="AD18" s="225"/>
      <c r="AE18" s="225"/>
      <c r="AF18" s="225"/>
      <c r="AG18" s="225"/>
      <c r="AH18" s="225"/>
      <c r="AI18" s="225"/>
      <c r="AJ18" s="225"/>
      <c r="AK18" s="225"/>
    </row>
    <row r="19" spans="1:56">
      <c r="A19" s="44" t="s">
        <v>541</v>
      </c>
      <c r="B19" s="131">
        <v>112</v>
      </c>
      <c r="C19" s="132">
        <v>5.3155013381268699</v>
      </c>
      <c r="D19" s="133">
        <v>0.20880390005552837</v>
      </c>
      <c r="P19" s="225"/>
      <c r="Q19" s="225"/>
      <c r="R19" s="225"/>
      <c r="S19" s="225"/>
      <c r="T19" s="225"/>
      <c r="U19" s="225"/>
      <c r="V19" s="225"/>
      <c r="W19" s="225"/>
      <c r="X19" s="225"/>
      <c r="Y19" s="225"/>
      <c r="Z19" s="225"/>
      <c r="AA19" s="225"/>
      <c r="AB19" s="225"/>
      <c r="AC19" s="225"/>
      <c r="AD19" s="225"/>
      <c r="AE19" s="225"/>
      <c r="AF19" s="225"/>
      <c r="AG19" s="225"/>
      <c r="AH19" s="225"/>
      <c r="AI19" s="225"/>
      <c r="AJ19" s="225"/>
      <c r="AK19" s="225"/>
    </row>
    <row r="20" spans="1:56">
      <c r="A20" s="40" t="s">
        <v>542</v>
      </c>
      <c r="B20" s="78">
        <v>91</v>
      </c>
      <c r="C20" s="79">
        <v>5.6309013020683452</v>
      </c>
      <c r="D20" s="130">
        <v>0.24682644842533255</v>
      </c>
      <c r="P20" s="225"/>
      <c r="Q20" s="225"/>
      <c r="R20" s="225"/>
      <c r="S20" s="225"/>
      <c r="T20" s="225"/>
      <c r="U20" s="225"/>
      <c r="V20" s="225"/>
      <c r="W20" s="225"/>
      <c r="X20" s="225"/>
      <c r="Y20" s="225"/>
      <c r="Z20" s="225"/>
      <c r="AA20" s="225"/>
      <c r="AB20" s="225"/>
      <c r="AC20" s="225"/>
      <c r="AD20" s="225"/>
      <c r="AE20" s="225"/>
      <c r="AF20" s="225"/>
      <c r="AG20" s="225"/>
      <c r="AH20" s="225"/>
      <c r="AI20" s="225"/>
      <c r="AJ20" s="225"/>
      <c r="AK20" s="225"/>
    </row>
    <row r="21" spans="1:56">
      <c r="A21" s="44" t="s">
        <v>543</v>
      </c>
      <c r="B21" s="131">
        <v>75</v>
      </c>
      <c r="C21" s="132">
        <v>5.5330197055036514</v>
      </c>
      <c r="D21" s="133">
        <v>0.24774493987845592</v>
      </c>
      <c r="P21" s="225"/>
      <c r="Q21" s="225"/>
      <c r="R21" s="225"/>
      <c r="S21" s="225"/>
      <c r="T21" s="225"/>
      <c r="U21" s="225"/>
      <c r="V21" s="225"/>
      <c r="W21" s="225"/>
      <c r="X21" s="225"/>
      <c r="Y21" s="225"/>
      <c r="Z21" s="225"/>
      <c r="AA21" s="225"/>
      <c r="AB21" s="225"/>
      <c r="AC21" s="225"/>
      <c r="AD21" s="225"/>
      <c r="AE21" s="225"/>
      <c r="AF21" s="225"/>
      <c r="AG21" s="225"/>
      <c r="AH21" s="225"/>
      <c r="AI21" s="225"/>
      <c r="AJ21" s="225"/>
      <c r="AK21" s="225"/>
    </row>
    <row r="22" spans="1:56">
      <c r="A22" s="52" t="s">
        <v>544</v>
      </c>
      <c r="B22" s="128">
        <v>55</v>
      </c>
      <c r="C22" s="129">
        <v>5.6787118304115713</v>
      </c>
      <c r="D22" s="130">
        <v>0.3208524533243462</v>
      </c>
      <c r="P22" s="225"/>
      <c r="Q22" s="225"/>
      <c r="R22" s="225"/>
      <c r="S22" s="225"/>
      <c r="T22" s="225"/>
      <c r="U22" s="225"/>
      <c r="V22" s="225"/>
      <c r="W22" s="225"/>
      <c r="X22" s="225"/>
      <c r="Y22" s="225"/>
      <c r="Z22" s="225"/>
      <c r="AA22" s="225"/>
      <c r="AB22" s="225"/>
      <c r="AC22" s="225"/>
      <c r="AD22" s="225"/>
      <c r="AE22" s="225"/>
      <c r="AF22" s="225"/>
      <c r="AG22" s="225"/>
      <c r="AH22" s="225"/>
      <c r="AI22" s="225"/>
      <c r="AJ22" s="225"/>
      <c r="AK22" s="225"/>
    </row>
    <row r="23" spans="1:56">
      <c r="A23" s="44" t="s">
        <v>545</v>
      </c>
      <c r="B23" s="131">
        <v>632</v>
      </c>
      <c r="C23" s="132">
        <v>5.5499199675790329</v>
      </c>
      <c r="D23" s="133">
        <v>8.9483561258879005E-2</v>
      </c>
      <c r="P23" s="225"/>
      <c r="Q23" s="225"/>
      <c r="R23" s="225"/>
      <c r="S23" s="225"/>
      <c r="T23" s="225"/>
      <c r="U23" s="225"/>
      <c r="V23" s="225"/>
      <c r="W23" s="225"/>
      <c r="X23" s="225"/>
      <c r="Y23" s="225"/>
      <c r="Z23" s="225"/>
      <c r="AA23" s="225"/>
      <c r="AB23" s="225"/>
      <c r="AC23" s="225"/>
      <c r="AD23" s="225"/>
      <c r="AE23" s="225"/>
      <c r="AF23" s="225"/>
      <c r="AG23" s="225"/>
      <c r="AH23" s="225"/>
      <c r="AI23" s="225"/>
      <c r="AJ23" s="225"/>
      <c r="AK23" s="225"/>
    </row>
    <row r="24" spans="1:56">
      <c r="A24" s="52" t="s">
        <v>546</v>
      </c>
      <c r="B24" s="128">
        <v>67</v>
      </c>
      <c r="C24" s="129">
        <v>5.322292524904717</v>
      </c>
      <c r="D24" s="130">
        <v>0.28842665588121313</v>
      </c>
      <c r="P24" s="225"/>
      <c r="Q24" s="225"/>
      <c r="R24" s="225"/>
      <c r="S24" s="225"/>
      <c r="T24" s="225"/>
      <c r="U24" s="225"/>
      <c r="V24" s="225"/>
      <c r="W24" s="225"/>
      <c r="X24" s="225"/>
      <c r="Y24" s="225"/>
      <c r="Z24" s="225"/>
      <c r="AA24" s="225"/>
      <c r="AB24" s="225"/>
      <c r="AC24" s="225"/>
      <c r="AD24" s="225"/>
      <c r="AE24" s="225"/>
      <c r="AF24" s="225"/>
      <c r="AG24" s="225"/>
      <c r="AH24" s="225"/>
      <c r="AI24" s="225"/>
      <c r="AJ24" s="225"/>
      <c r="AK24" s="225"/>
    </row>
    <row r="25" spans="1:56">
      <c r="A25" s="44" t="s">
        <v>547</v>
      </c>
      <c r="B25" s="131">
        <v>146</v>
      </c>
      <c r="C25" s="132">
        <v>5.6268317939017258</v>
      </c>
      <c r="D25" s="133">
        <v>0.15896107414324581</v>
      </c>
      <c r="P25" s="225"/>
      <c r="Q25" s="225"/>
      <c r="R25" s="225"/>
      <c r="S25" s="225"/>
      <c r="T25" s="225"/>
      <c r="U25" s="225"/>
      <c r="V25" s="225"/>
      <c r="W25" s="225"/>
      <c r="X25" s="225"/>
      <c r="Y25" s="225"/>
      <c r="Z25" s="225"/>
      <c r="AA25" s="225"/>
      <c r="AB25" s="225"/>
      <c r="AC25" s="225"/>
      <c r="AD25" s="225"/>
      <c r="AE25" s="225"/>
      <c r="AF25" s="225"/>
      <c r="AG25" s="225"/>
      <c r="AH25" s="225"/>
      <c r="AI25" s="225"/>
      <c r="AJ25" s="225"/>
      <c r="AK25" s="225"/>
    </row>
    <row r="26" spans="1:56">
      <c r="A26" s="52" t="s">
        <v>548</v>
      </c>
      <c r="B26" s="128">
        <v>161</v>
      </c>
      <c r="C26" s="129">
        <v>5.7479133163211076</v>
      </c>
      <c r="D26" s="130">
        <v>0.16799797558066396</v>
      </c>
      <c r="P26" s="225"/>
      <c r="Q26" s="225"/>
      <c r="R26" s="225"/>
      <c r="S26" s="225"/>
      <c r="T26" s="225"/>
      <c r="U26" s="225"/>
      <c r="V26" s="225"/>
      <c r="W26" s="225"/>
      <c r="X26" s="225"/>
      <c r="Y26" s="225"/>
      <c r="Z26" s="225"/>
      <c r="AA26" s="225"/>
      <c r="AB26" s="225"/>
      <c r="AC26" s="225"/>
      <c r="AD26" s="225"/>
      <c r="AE26" s="225"/>
      <c r="AF26" s="225"/>
      <c r="AG26" s="225"/>
      <c r="AH26" s="225"/>
      <c r="AI26" s="225"/>
      <c r="AJ26" s="225"/>
      <c r="AK26" s="225"/>
    </row>
    <row r="27" spans="1:56">
      <c r="A27" s="44" t="s">
        <v>549</v>
      </c>
      <c r="B27" s="131">
        <v>71</v>
      </c>
      <c r="C27" s="132">
        <v>5.0303733878940982</v>
      </c>
      <c r="D27" s="133">
        <v>0.29078388054989651</v>
      </c>
      <c r="P27" s="225"/>
      <c r="Q27" s="225"/>
      <c r="R27" s="225"/>
      <c r="S27" s="225"/>
      <c r="T27" s="225"/>
      <c r="U27" s="225"/>
      <c r="V27" s="225"/>
      <c r="W27" s="225"/>
      <c r="X27" s="225"/>
      <c r="Y27" s="225"/>
      <c r="Z27" s="225"/>
      <c r="AA27" s="225"/>
      <c r="AB27" s="225"/>
      <c r="AC27" s="225"/>
      <c r="AD27" s="225"/>
      <c r="AE27" s="225"/>
      <c r="AF27" s="225"/>
      <c r="AG27" s="225"/>
      <c r="AH27" s="225"/>
      <c r="AI27" s="225"/>
      <c r="AJ27" s="225"/>
      <c r="AK27" s="225"/>
    </row>
    <row r="28" spans="1:56">
      <c r="A28" s="52" t="s">
        <v>550</v>
      </c>
      <c r="B28" s="128">
        <v>118</v>
      </c>
      <c r="C28" s="129">
        <v>5.590816114478903</v>
      </c>
      <c r="D28" s="130">
        <v>0.20383623155575356</v>
      </c>
      <c r="P28" s="225"/>
      <c r="Q28" s="225"/>
      <c r="R28" s="225"/>
      <c r="S28" s="225"/>
      <c r="T28" s="225"/>
      <c r="U28" s="225"/>
      <c r="V28" s="225"/>
      <c r="W28" s="225"/>
      <c r="X28" s="225"/>
      <c r="Y28" s="225"/>
      <c r="Z28" s="225"/>
      <c r="AA28" s="225"/>
      <c r="AB28" s="225"/>
      <c r="AC28" s="225"/>
      <c r="AD28" s="225"/>
      <c r="AE28" s="225"/>
      <c r="AF28" s="225"/>
      <c r="AG28" s="225"/>
      <c r="AH28" s="225"/>
      <c r="AI28" s="225"/>
      <c r="AJ28" s="225"/>
      <c r="AK28" s="225"/>
    </row>
    <row r="29" spans="1:56">
      <c r="A29" s="44" t="s">
        <v>551</v>
      </c>
      <c r="B29" s="131">
        <v>69</v>
      </c>
      <c r="C29" s="132">
        <v>5.3837443240693146</v>
      </c>
      <c r="D29" s="133">
        <v>0.29613960314002225</v>
      </c>
      <c r="P29" s="225"/>
      <c r="Q29" s="225"/>
      <c r="R29" s="225"/>
      <c r="S29" s="225"/>
      <c r="T29" s="225"/>
      <c r="U29" s="225"/>
      <c r="V29" s="225"/>
      <c r="W29" s="225"/>
      <c r="X29" s="225"/>
      <c r="Y29" s="225"/>
      <c r="Z29" s="225"/>
      <c r="AA29" s="225"/>
      <c r="AB29" s="225"/>
      <c r="AC29" s="225"/>
      <c r="AD29" s="225"/>
      <c r="AE29" s="225"/>
      <c r="AF29" s="225"/>
      <c r="AG29" s="225"/>
      <c r="AH29" s="225"/>
      <c r="AI29" s="225"/>
      <c r="AJ29" s="225"/>
      <c r="AK29" s="225"/>
    </row>
    <row r="30" spans="1:56">
      <c r="P30" s="225"/>
      <c r="Q30" s="225"/>
      <c r="R30" s="225"/>
      <c r="S30" s="225"/>
      <c r="T30" s="225"/>
      <c r="U30" s="225"/>
      <c r="V30" s="225"/>
      <c r="W30" s="225"/>
      <c r="X30" s="225"/>
      <c r="Y30" s="225"/>
      <c r="Z30" s="225"/>
      <c r="AA30" s="225"/>
      <c r="AB30" s="225"/>
      <c r="AC30" s="225"/>
      <c r="AD30" s="225"/>
      <c r="AE30" s="225"/>
      <c r="AF30" s="225"/>
      <c r="AG30" s="225"/>
      <c r="AH30" s="225"/>
      <c r="AI30" s="225"/>
      <c r="AJ30" s="225"/>
      <c r="AK30" s="225"/>
    </row>
    <row r="31" spans="1:56">
      <c r="P31" s="225"/>
      <c r="Q31" s="225"/>
      <c r="R31" s="225"/>
      <c r="S31" s="225"/>
      <c r="T31" s="225"/>
      <c r="U31" s="225"/>
      <c r="V31" s="225"/>
      <c r="W31" s="225"/>
      <c r="X31" s="225"/>
      <c r="Y31" s="225"/>
      <c r="Z31" s="225"/>
      <c r="AA31" s="225"/>
      <c r="AB31" s="225"/>
      <c r="AC31" s="225"/>
      <c r="AD31" s="225"/>
      <c r="AE31" s="225"/>
      <c r="AF31" s="225"/>
      <c r="AG31" s="225"/>
      <c r="AH31" s="225"/>
      <c r="AI31" s="225"/>
      <c r="AJ31" s="225"/>
      <c r="AK31" s="225"/>
    </row>
    <row r="32" spans="1:56" ht="18.75">
      <c r="A32" s="376" t="s">
        <v>496</v>
      </c>
      <c r="B32" s="376"/>
      <c r="C32" s="376"/>
      <c r="D32" s="376"/>
      <c r="E32" s="376"/>
      <c r="F32" s="376"/>
      <c r="G32" s="376"/>
      <c r="H32" s="376"/>
      <c r="I32" s="376"/>
      <c r="J32" s="376"/>
      <c r="K32" s="376"/>
      <c r="L32" s="376"/>
      <c r="M32" s="376"/>
      <c r="N32" s="376"/>
      <c r="O32" s="376"/>
      <c r="P32" s="376"/>
      <c r="Q32" s="376"/>
      <c r="R32" s="376"/>
      <c r="S32" s="376"/>
      <c r="T32" s="376"/>
      <c r="U32" s="376"/>
      <c r="V32" s="376"/>
      <c r="W32" s="376"/>
      <c r="X32" s="376"/>
      <c r="Y32" s="376"/>
      <c r="Z32" s="376"/>
      <c r="AA32" s="376"/>
      <c r="AB32" s="376"/>
      <c r="AC32" s="376"/>
      <c r="AD32" s="376"/>
      <c r="AE32" s="376"/>
      <c r="AF32" s="376"/>
      <c r="AG32" s="376"/>
      <c r="AH32" s="376"/>
      <c r="AI32" s="376"/>
      <c r="AJ32" s="376"/>
      <c r="AK32" s="376"/>
      <c r="AL32" s="376"/>
      <c r="AM32" s="376"/>
      <c r="AN32" s="376"/>
      <c r="AO32" s="376"/>
      <c r="AP32" s="376"/>
      <c r="AQ32" s="376"/>
      <c r="AR32" s="376"/>
      <c r="AS32" s="376"/>
      <c r="AT32" s="376"/>
      <c r="AU32" s="376"/>
      <c r="AV32" s="376"/>
      <c r="AW32" s="376"/>
      <c r="AX32" s="376"/>
      <c r="AY32" s="376"/>
      <c r="AZ32" s="376"/>
      <c r="BA32" s="376"/>
      <c r="BB32" s="376"/>
      <c r="BC32" s="376"/>
      <c r="BD32" s="376"/>
    </row>
    <row r="33" spans="1:56" ht="62.25" customHeight="1">
      <c r="A33" s="375" t="s">
        <v>583</v>
      </c>
      <c r="B33" s="375"/>
      <c r="C33" s="375"/>
      <c r="D33" s="375"/>
      <c r="E33" s="375"/>
      <c r="F33" s="375"/>
      <c r="G33" s="375"/>
      <c r="H33" s="375"/>
      <c r="I33" s="375"/>
      <c r="J33" s="375"/>
      <c r="K33" s="375"/>
      <c r="L33" s="375"/>
      <c r="M33" s="375"/>
      <c r="N33" s="375"/>
      <c r="O33" s="375"/>
      <c r="P33" s="375"/>
      <c r="Q33" s="375"/>
      <c r="R33" s="375"/>
      <c r="S33" s="375"/>
      <c r="T33" s="375"/>
      <c r="U33" s="375"/>
      <c r="V33" s="375"/>
      <c r="W33" s="375"/>
      <c r="X33" s="375"/>
      <c r="Y33" s="375"/>
      <c r="Z33" s="375"/>
      <c r="AA33" s="375"/>
      <c r="AB33" s="375"/>
      <c r="AC33" s="375"/>
      <c r="AD33" s="375"/>
      <c r="AE33" s="375"/>
      <c r="AF33" s="375"/>
      <c r="AG33" s="375"/>
      <c r="AH33" s="375"/>
      <c r="AI33" s="375"/>
      <c r="AJ33" s="375"/>
      <c r="AK33" s="375"/>
      <c r="AL33" s="375"/>
      <c r="AM33" s="375"/>
      <c r="AN33" s="375"/>
      <c r="AO33" s="375"/>
      <c r="AP33" s="375"/>
      <c r="AQ33" s="375"/>
      <c r="AR33" s="375"/>
      <c r="AS33" s="375"/>
      <c r="AT33" s="375"/>
      <c r="AU33" s="375"/>
      <c r="AV33" s="375"/>
      <c r="AW33" s="375"/>
      <c r="AX33" s="375"/>
      <c r="AY33" s="375"/>
      <c r="AZ33" s="375"/>
      <c r="BA33" s="375"/>
      <c r="BB33" s="375"/>
      <c r="BC33" s="375"/>
      <c r="BD33" s="375"/>
    </row>
    <row r="34" spans="1:56" ht="39.75" customHeight="1">
      <c r="A34" s="59"/>
      <c r="B34" s="356" t="s">
        <v>363</v>
      </c>
      <c r="C34" s="357"/>
      <c r="D34" s="357"/>
      <c r="E34" s="357"/>
      <c r="F34" s="357"/>
      <c r="G34" s="357"/>
      <c r="H34" s="357"/>
      <c r="I34" s="357"/>
      <c r="J34" s="357"/>
      <c r="K34" s="357"/>
      <c r="L34" s="358"/>
      <c r="M34" s="363" t="s">
        <v>84</v>
      </c>
      <c r="N34" s="364"/>
      <c r="O34" s="364"/>
      <c r="P34" s="364"/>
      <c r="Q34" s="364"/>
      <c r="R34" s="364"/>
      <c r="S34" s="364"/>
      <c r="T34" s="364"/>
      <c r="U34" s="364"/>
      <c r="V34" s="364"/>
      <c r="W34" s="364"/>
      <c r="X34" s="356" t="s">
        <v>364</v>
      </c>
      <c r="Y34" s="357"/>
      <c r="Z34" s="357"/>
      <c r="AA34" s="357"/>
      <c r="AB34" s="357"/>
      <c r="AC34" s="357"/>
      <c r="AD34" s="357"/>
      <c r="AE34" s="357"/>
      <c r="AF34" s="357"/>
      <c r="AG34" s="357"/>
      <c r="AH34" s="358"/>
      <c r="AI34" s="363" t="s">
        <v>365</v>
      </c>
      <c r="AJ34" s="364"/>
      <c r="AK34" s="364"/>
      <c r="AL34" s="364"/>
      <c r="AM34" s="364"/>
      <c r="AN34" s="364"/>
      <c r="AO34" s="364"/>
      <c r="AP34" s="364"/>
      <c r="AQ34" s="364"/>
      <c r="AR34" s="364"/>
      <c r="AS34" s="364"/>
      <c r="AT34" s="356" t="s">
        <v>366</v>
      </c>
      <c r="AU34" s="357"/>
      <c r="AV34" s="357"/>
      <c r="AW34" s="357"/>
      <c r="AX34" s="357"/>
      <c r="AY34" s="357"/>
      <c r="AZ34" s="357"/>
      <c r="BA34" s="357"/>
      <c r="BB34" s="357"/>
      <c r="BC34" s="357"/>
      <c r="BD34" s="358"/>
    </row>
    <row r="35" spans="1:56" ht="72">
      <c r="A35" s="32" t="s">
        <v>71</v>
      </c>
      <c r="B35" s="33" t="s">
        <v>72</v>
      </c>
      <c r="C35" s="34" t="s">
        <v>589</v>
      </c>
      <c r="D35" s="35" t="s">
        <v>73</v>
      </c>
      <c r="E35" s="33" t="s">
        <v>156</v>
      </c>
      <c r="F35" s="84" t="s">
        <v>85</v>
      </c>
      <c r="G35" s="33" t="s">
        <v>157</v>
      </c>
      <c r="H35" s="84" t="s">
        <v>86</v>
      </c>
      <c r="I35" s="33" t="s">
        <v>158</v>
      </c>
      <c r="J35" s="84" t="s">
        <v>87</v>
      </c>
      <c r="K35" s="33" t="s">
        <v>301</v>
      </c>
      <c r="L35" s="84" t="s">
        <v>300</v>
      </c>
      <c r="M35" s="60" t="s">
        <v>72</v>
      </c>
      <c r="N35" s="60" t="s">
        <v>589</v>
      </c>
      <c r="O35" s="60" t="s">
        <v>73</v>
      </c>
      <c r="P35" s="60" t="s">
        <v>156</v>
      </c>
      <c r="Q35" s="83" t="s">
        <v>85</v>
      </c>
      <c r="R35" s="60" t="s">
        <v>157</v>
      </c>
      <c r="S35" s="83" t="s">
        <v>86</v>
      </c>
      <c r="T35" s="60" t="s">
        <v>158</v>
      </c>
      <c r="U35" s="83" t="s">
        <v>87</v>
      </c>
      <c r="V35" s="60" t="s">
        <v>301</v>
      </c>
      <c r="W35" s="83" t="s">
        <v>300</v>
      </c>
      <c r="X35" s="33" t="s">
        <v>72</v>
      </c>
      <c r="Y35" s="34" t="s">
        <v>589</v>
      </c>
      <c r="Z35" s="35" t="s">
        <v>73</v>
      </c>
      <c r="AA35" s="33" t="s">
        <v>156</v>
      </c>
      <c r="AB35" s="84" t="s">
        <v>85</v>
      </c>
      <c r="AC35" s="33" t="s">
        <v>157</v>
      </c>
      <c r="AD35" s="84" t="s">
        <v>86</v>
      </c>
      <c r="AE35" s="33" t="s">
        <v>158</v>
      </c>
      <c r="AF35" s="84" t="s">
        <v>87</v>
      </c>
      <c r="AG35" s="33" t="s">
        <v>301</v>
      </c>
      <c r="AH35" s="84" t="s">
        <v>300</v>
      </c>
      <c r="AI35" s="60" t="s">
        <v>72</v>
      </c>
      <c r="AJ35" s="60" t="s">
        <v>589</v>
      </c>
      <c r="AK35" s="60" t="s">
        <v>73</v>
      </c>
      <c r="AL35" s="60" t="s">
        <v>156</v>
      </c>
      <c r="AM35" s="83" t="s">
        <v>85</v>
      </c>
      <c r="AN35" s="60" t="s">
        <v>157</v>
      </c>
      <c r="AO35" s="83" t="s">
        <v>86</v>
      </c>
      <c r="AP35" s="60" t="s">
        <v>158</v>
      </c>
      <c r="AQ35" s="83" t="s">
        <v>87</v>
      </c>
      <c r="AR35" s="60" t="s">
        <v>301</v>
      </c>
      <c r="AS35" s="83" t="s">
        <v>300</v>
      </c>
      <c r="AT35" s="33" t="s">
        <v>72</v>
      </c>
      <c r="AU35" s="34" t="s">
        <v>589</v>
      </c>
      <c r="AV35" s="35" t="s">
        <v>73</v>
      </c>
      <c r="AW35" s="33" t="s">
        <v>156</v>
      </c>
      <c r="AX35" s="84" t="s">
        <v>85</v>
      </c>
      <c r="AY35" s="33" t="s">
        <v>157</v>
      </c>
      <c r="AZ35" s="84" t="s">
        <v>86</v>
      </c>
      <c r="BA35" s="33" t="s">
        <v>158</v>
      </c>
      <c r="BB35" s="84" t="s">
        <v>87</v>
      </c>
      <c r="BC35" s="33" t="s">
        <v>301</v>
      </c>
      <c r="BD35" s="84" t="s">
        <v>300</v>
      </c>
    </row>
    <row r="36" spans="1:56" ht="92.25" customHeight="1">
      <c r="A36" s="36"/>
      <c r="B36" s="37" t="s">
        <v>74</v>
      </c>
      <c r="C36" s="38" t="s">
        <v>302</v>
      </c>
      <c r="D36" s="39" t="s">
        <v>76</v>
      </c>
      <c r="E36" s="37" t="s">
        <v>159</v>
      </c>
      <c r="F36" s="86" t="s">
        <v>88</v>
      </c>
      <c r="G36" s="37" t="s">
        <v>160</v>
      </c>
      <c r="H36" s="86" t="s">
        <v>88</v>
      </c>
      <c r="I36" s="37" t="s">
        <v>161</v>
      </c>
      <c r="J36" s="86" t="s">
        <v>88</v>
      </c>
      <c r="K36" s="37" t="s">
        <v>301</v>
      </c>
      <c r="L36" s="86" t="s">
        <v>88</v>
      </c>
      <c r="M36" s="63" t="s">
        <v>74</v>
      </c>
      <c r="N36" s="63" t="s">
        <v>302</v>
      </c>
      <c r="O36" s="63" t="s">
        <v>76</v>
      </c>
      <c r="P36" s="63" t="s">
        <v>159</v>
      </c>
      <c r="Q36" s="85" t="s">
        <v>88</v>
      </c>
      <c r="R36" s="63" t="s">
        <v>160</v>
      </c>
      <c r="S36" s="85" t="s">
        <v>88</v>
      </c>
      <c r="T36" s="63" t="s">
        <v>161</v>
      </c>
      <c r="U36" s="85" t="s">
        <v>88</v>
      </c>
      <c r="V36" s="63" t="s">
        <v>301</v>
      </c>
      <c r="W36" s="85" t="s">
        <v>88</v>
      </c>
      <c r="X36" s="37" t="s">
        <v>74</v>
      </c>
      <c r="Y36" s="38" t="s">
        <v>302</v>
      </c>
      <c r="Z36" s="39" t="s">
        <v>76</v>
      </c>
      <c r="AA36" s="37" t="s">
        <v>159</v>
      </c>
      <c r="AB36" s="86" t="s">
        <v>88</v>
      </c>
      <c r="AC36" s="37" t="s">
        <v>160</v>
      </c>
      <c r="AD36" s="86" t="s">
        <v>88</v>
      </c>
      <c r="AE36" s="37" t="s">
        <v>161</v>
      </c>
      <c r="AF36" s="86" t="s">
        <v>88</v>
      </c>
      <c r="AG36" s="37" t="s">
        <v>301</v>
      </c>
      <c r="AH36" s="86" t="s">
        <v>88</v>
      </c>
      <c r="AI36" s="63" t="s">
        <v>74</v>
      </c>
      <c r="AJ36" s="63" t="s">
        <v>302</v>
      </c>
      <c r="AK36" s="63" t="s">
        <v>76</v>
      </c>
      <c r="AL36" s="63" t="s">
        <v>159</v>
      </c>
      <c r="AM36" s="85" t="s">
        <v>88</v>
      </c>
      <c r="AN36" s="63" t="s">
        <v>160</v>
      </c>
      <c r="AO36" s="85" t="s">
        <v>88</v>
      </c>
      <c r="AP36" s="63" t="s">
        <v>161</v>
      </c>
      <c r="AQ36" s="85" t="s">
        <v>88</v>
      </c>
      <c r="AR36" s="63" t="s">
        <v>301</v>
      </c>
      <c r="AS36" s="85" t="s">
        <v>88</v>
      </c>
      <c r="AT36" s="37" t="s">
        <v>74</v>
      </c>
      <c r="AU36" s="38" t="s">
        <v>302</v>
      </c>
      <c r="AV36" s="39" t="s">
        <v>76</v>
      </c>
      <c r="AW36" s="37" t="s">
        <v>159</v>
      </c>
      <c r="AX36" s="86" t="s">
        <v>88</v>
      </c>
      <c r="AY36" s="37" t="s">
        <v>160</v>
      </c>
      <c r="AZ36" s="86" t="s">
        <v>88</v>
      </c>
      <c r="BA36" s="37" t="s">
        <v>161</v>
      </c>
      <c r="BB36" s="86" t="s">
        <v>88</v>
      </c>
      <c r="BC36" s="37" t="s">
        <v>301</v>
      </c>
      <c r="BD36" s="86" t="s">
        <v>88</v>
      </c>
    </row>
    <row r="37" spans="1:56">
      <c r="A37" s="40" t="s">
        <v>349</v>
      </c>
      <c r="B37" s="95">
        <v>14077</v>
      </c>
      <c r="C37" s="96">
        <v>5.6717195030164307</v>
      </c>
      <c r="D37" s="97">
        <v>2.2006655167935329E-2</v>
      </c>
      <c r="E37" s="88">
        <v>6.7939177629308845E-2</v>
      </c>
      <c r="F37" s="89">
        <v>4.2448158483552227E-3</v>
      </c>
      <c r="G37" s="88">
        <v>9.8358568809517877E-2</v>
      </c>
      <c r="H37" s="89">
        <v>5.0218130243042756E-3</v>
      </c>
      <c r="I37" s="88">
        <v>0.8257634858875279</v>
      </c>
      <c r="J37" s="89">
        <v>6.3944270113314647E-3</v>
      </c>
      <c r="K37" s="88">
        <v>7.9387676736491011E-3</v>
      </c>
      <c r="L37" s="89">
        <v>1.5087543635825945E-3</v>
      </c>
      <c r="M37" s="87">
        <v>13888</v>
      </c>
      <c r="N37" s="96">
        <v>4.7609655299294502</v>
      </c>
      <c r="O37" s="97">
        <v>2.4780577644294373E-2</v>
      </c>
      <c r="P37" s="88">
        <v>0.16101703319469568</v>
      </c>
      <c r="Q37" s="89">
        <v>6.2383023087637032E-3</v>
      </c>
      <c r="R37" s="88">
        <v>0.20081184660958318</v>
      </c>
      <c r="S37" s="89">
        <v>6.7988665767560385E-3</v>
      </c>
      <c r="T37" s="88">
        <v>0.55179722526924591</v>
      </c>
      <c r="U37" s="89">
        <v>8.4387086173694625E-3</v>
      </c>
      <c r="V37" s="88">
        <v>8.6373894926489211E-2</v>
      </c>
      <c r="W37" s="89">
        <v>4.7697323725509047E-3</v>
      </c>
      <c r="X37" s="95">
        <v>13988</v>
      </c>
      <c r="Y37" s="96">
        <v>5.4647883414652423</v>
      </c>
      <c r="Z37" s="97">
        <v>2.3873255796919322E-2</v>
      </c>
      <c r="AA37" s="88">
        <v>9.493294388461665E-2</v>
      </c>
      <c r="AB37" s="89">
        <v>4.9587918774402833E-3</v>
      </c>
      <c r="AC37" s="88">
        <v>0.13882229336557911</v>
      </c>
      <c r="AD37" s="89">
        <v>5.8479211209676108E-3</v>
      </c>
      <c r="AE37" s="88">
        <v>0.75480760630495358</v>
      </c>
      <c r="AF37" s="89">
        <v>7.2745355965066223E-3</v>
      </c>
      <c r="AG37" s="88">
        <v>1.1437156444856489E-2</v>
      </c>
      <c r="AH37" s="89">
        <v>1.8086573734438583E-3</v>
      </c>
      <c r="AI37" s="87">
        <v>13944</v>
      </c>
      <c r="AJ37" s="96">
        <v>5.3636066188661893</v>
      </c>
      <c r="AK37" s="97">
        <v>2.4887361890588471E-2</v>
      </c>
      <c r="AL37" s="88">
        <v>9.8959852403268211E-2</v>
      </c>
      <c r="AM37" s="89">
        <v>5.0594128305096559E-3</v>
      </c>
      <c r="AN37" s="88">
        <v>0.13544595495136738</v>
      </c>
      <c r="AO37" s="89">
        <v>5.796881252894309E-3</v>
      </c>
      <c r="AP37" s="88">
        <v>0.73981757192299402</v>
      </c>
      <c r="AQ37" s="89">
        <v>7.4304058022558496E-3</v>
      </c>
      <c r="AR37" s="88">
        <v>2.5776620722375066E-2</v>
      </c>
      <c r="AS37" s="89">
        <v>2.6904729721280692E-3</v>
      </c>
      <c r="AT37" s="95">
        <v>13946</v>
      </c>
      <c r="AU37" s="96">
        <v>5.2427828296385561</v>
      </c>
      <c r="AV37" s="97">
        <v>2.4062594200143159E-2</v>
      </c>
      <c r="AW37" s="88">
        <v>0.11644986583040216</v>
      </c>
      <c r="AX37" s="89">
        <v>5.4338286480597135E-3</v>
      </c>
      <c r="AY37" s="88">
        <v>0.16078765872578515</v>
      </c>
      <c r="AZ37" s="89">
        <v>6.2217324091287576E-3</v>
      </c>
      <c r="BA37" s="88">
        <v>0.70942705138245044</v>
      </c>
      <c r="BB37" s="89">
        <v>7.6886633308146631E-3</v>
      </c>
      <c r="BC37" s="88">
        <v>1.3335424061372461E-2</v>
      </c>
      <c r="BD37" s="89">
        <v>1.95236422490348E-3</v>
      </c>
    </row>
    <row r="38" spans="1:56">
      <c r="A38" s="44" t="s">
        <v>350</v>
      </c>
      <c r="B38" s="99">
        <v>10234</v>
      </c>
      <c r="C38" s="100">
        <v>5.8006953589647354</v>
      </c>
      <c r="D38" s="101">
        <v>2.5271619982050172E-2</v>
      </c>
      <c r="E38" s="91">
        <v>5.9659676196670029E-2</v>
      </c>
      <c r="F38" s="92">
        <v>4.6880363081661094E-3</v>
      </c>
      <c r="G38" s="91">
        <v>8.7849764391385393E-2</v>
      </c>
      <c r="H38" s="92">
        <v>5.5999641570346195E-3</v>
      </c>
      <c r="I38" s="91">
        <v>0.84853044784628484</v>
      </c>
      <c r="J38" s="92">
        <v>7.0889040262602544E-3</v>
      </c>
      <c r="K38" s="91">
        <v>3.9601115656494072E-3</v>
      </c>
      <c r="L38" s="92">
        <v>1.2712979478293133E-3</v>
      </c>
      <c r="M38" s="90">
        <v>10171</v>
      </c>
      <c r="N38" s="100">
        <v>4.9518092136617637</v>
      </c>
      <c r="O38" s="101">
        <v>2.8316101659227592E-2</v>
      </c>
      <c r="P38" s="91">
        <v>0.13800811947648678</v>
      </c>
      <c r="Q38" s="92">
        <v>6.8415520660949705E-3</v>
      </c>
      <c r="R38" s="91">
        <v>0.17956461148555583</v>
      </c>
      <c r="S38" s="92">
        <v>7.6122719028059805E-3</v>
      </c>
      <c r="T38" s="91">
        <v>0.61278144913559662</v>
      </c>
      <c r="U38" s="92">
        <v>9.6583473281565656E-3</v>
      </c>
      <c r="V38" s="91">
        <v>6.9645819902353454E-2</v>
      </c>
      <c r="W38" s="92">
        <v>5.0526803767661395E-3</v>
      </c>
      <c r="X38" s="99">
        <v>10172</v>
      </c>
      <c r="Y38" s="100">
        <v>5.5869534231471416</v>
      </c>
      <c r="Z38" s="101">
        <v>2.764728689001332E-2</v>
      </c>
      <c r="AA38" s="91">
        <v>9.1978480837174081E-2</v>
      </c>
      <c r="AB38" s="92">
        <v>5.7341967651713087E-3</v>
      </c>
      <c r="AC38" s="91">
        <v>0.1198177965089597</v>
      </c>
      <c r="AD38" s="92">
        <v>6.4420219270535962E-3</v>
      </c>
      <c r="AE38" s="91">
        <v>0.78034738616704957</v>
      </c>
      <c r="AF38" s="92">
        <v>8.2097866696426124E-3</v>
      </c>
      <c r="AG38" s="91">
        <v>7.8563364868076968E-3</v>
      </c>
      <c r="AH38" s="92">
        <v>1.7716528897605086E-3</v>
      </c>
      <c r="AI38" s="90">
        <v>10132</v>
      </c>
      <c r="AJ38" s="100">
        <v>5.3689438075203624</v>
      </c>
      <c r="AK38" s="101">
        <v>2.9776632696467912E-2</v>
      </c>
      <c r="AL38" s="91">
        <v>0.10558743794912794</v>
      </c>
      <c r="AM38" s="92">
        <v>6.1087709107046752E-3</v>
      </c>
      <c r="AN38" s="91">
        <v>0.13562741111890766</v>
      </c>
      <c r="AO38" s="92">
        <v>6.8047926543176093E-3</v>
      </c>
      <c r="AP38" s="91">
        <v>0.73746734649363577</v>
      </c>
      <c r="AQ38" s="92">
        <v>8.7419769929064986E-3</v>
      </c>
      <c r="AR38" s="91">
        <v>2.1317804438321323E-2</v>
      </c>
      <c r="AS38" s="92">
        <v>2.8817917428090381E-3</v>
      </c>
      <c r="AT38" s="99">
        <v>10137</v>
      </c>
      <c r="AU38" s="100">
        <v>5.3929460011779753</v>
      </c>
      <c r="AV38" s="101">
        <v>2.7648857802395448E-2</v>
      </c>
      <c r="AW38" s="91">
        <v>0.10402958928087169</v>
      </c>
      <c r="AX38" s="92">
        <v>6.0674023478873556E-3</v>
      </c>
      <c r="AY38" s="91">
        <v>0.13741601575282386</v>
      </c>
      <c r="AZ38" s="92">
        <v>6.8406733060973873E-3</v>
      </c>
      <c r="BA38" s="91">
        <v>0.74984691661001823</v>
      </c>
      <c r="BB38" s="92">
        <v>8.6027208045495827E-3</v>
      </c>
      <c r="BC38" s="91">
        <v>8.70747835627869E-3</v>
      </c>
      <c r="BD38" s="92">
        <v>1.86540820302059E-3</v>
      </c>
    </row>
    <row r="39" spans="1:56">
      <c r="A39" s="40" t="s">
        <v>351</v>
      </c>
      <c r="B39" s="95">
        <v>3843</v>
      </c>
      <c r="C39" s="96">
        <v>5.5695685726458244</v>
      </c>
      <c r="D39" s="97">
        <v>4.3671051724268904E-2</v>
      </c>
      <c r="E39" s="88">
        <v>7.4449882927680469E-2</v>
      </c>
      <c r="F39" s="89">
        <v>8.4875781931290414E-3</v>
      </c>
      <c r="G39" s="88">
        <v>0.10662231864534301</v>
      </c>
      <c r="H39" s="89">
        <v>9.9687910920710637E-3</v>
      </c>
      <c r="I39" s="88">
        <v>0.80786035717153071</v>
      </c>
      <c r="J39" s="89">
        <v>1.2712206754343047E-2</v>
      </c>
      <c r="K39" s="88">
        <v>1.1067441255447584E-2</v>
      </c>
      <c r="L39" s="89">
        <v>3.4491847089210535E-3</v>
      </c>
      <c r="M39" s="87">
        <v>3717</v>
      </c>
      <c r="N39" s="96">
        <v>4.601883811526486</v>
      </c>
      <c r="O39" s="97">
        <v>4.8929803325579023E-2</v>
      </c>
      <c r="P39" s="88">
        <v>0.17957361283544582</v>
      </c>
      <c r="Q39" s="89">
        <v>1.2594071914070342E-2</v>
      </c>
      <c r="R39" s="88">
        <v>0.21794764083061524</v>
      </c>
      <c r="S39" s="89">
        <v>1.3542905101077555E-2</v>
      </c>
      <c r="T39" s="88">
        <v>0.50261373834476852</v>
      </c>
      <c r="U39" s="89">
        <v>1.6393219114925386E-2</v>
      </c>
      <c r="V39" s="88">
        <v>9.9865007989171237E-2</v>
      </c>
      <c r="W39" s="89">
        <v>9.8489548838999168E-3</v>
      </c>
      <c r="X39" s="95">
        <v>3816</v>
      </c>
      <c r="Y39" s="96">
        <v>5.3680021337149011</v>
      </c>
      <c r="Z39" s="97">
        <v>4.6310427609142078E-2</v>
      </c>
      <c r="AA39" s="88">
        <v>9.7258541741567991E-2</v>
      </c>
      <c r="AB39" s="89">
        <v>9.6068707549487944E-3</v>
      </c>
      <c r="AC39" s="88">
        <v>0.15378163333786277</v>
      </c>
      <c r="AD39" s="89">
        <v>1.1684497352447126E-2</v>
      </c>
      <c r="AE39" s="88">
        <v>0.73470403541554274</v>
      </c>
      <c r="AF39" s="89">
        <v>1.4290527697099509E-2</v>
      </c>
      <c r="AG39" s="88">
        <v>1.4255789505028236E-2</v>
      </c>
      <c r="AH39" s="89">
        <v>3.902802593986324E-3</v>
      </c>
      <c r="AI39" s="87">
        <v>3812</v>
      </c>
      <c r="AJ39" s="96">
        <v>5.3593951931661827</v>
      </c>
      <c r="AK39" s="97">
        <v>4.4941211060316094E-2</v>
      </c>
      <c r="AL39" s="88">
        <v>9.3772684357470021E-2</v>
      </c>
      <c r="AM39" s="89">
        <v>9.4572380803216761E-3</v>
      </c>
      <c r="AN39" s="88">
        <v>0.13530393586651437</v>
      </c>
      <c r="AO39" s="89">
        <v>1.108739190888117E-2</v>
      </c>
      <c r="AP39" s="88">
        <v>0.74165700713861027</v>
      </c>
      <c r="AQ39" s="89">
        <v>1.4176347215489897E-2</v>
      </c>
      <c r="AR39" s="88">
        <v>2.9266372637407598E-2</v>
      </c>
      <c r="AS39" s="89">
        <v>5.5014919047469413E-3</v>
      </c>
      <c r="AT39" s="95">
        <v>3809</v>
      </c>
      <c r="AU39" s="96">
        <v>5.1237387333291071</v>
      </c>
      <c r="AV39" s="97">
        <v>4.7389960806706481E-2</v>
      </c>
      <c r="AW39" s="88">
        <v>0.12621411834361967</v>
      </c>
      <c r="AX39" s="89">
        <v>1.0770334328048033E-2</v>
      </c>
      <c r="AY39" s="88">
        <v>0.17916137389442194</v>
      </c>
      <c r="AZ39" s="89">
        <v>1.2429858142465144E-2</v>
      </c>
      <c r="BA39" s="88">
        <v>0.67765080477001594</v>
      </c>
      <c r="BB39" s="89">
        <v>1.5140096599956869E-2</v>
      </c>
      <c r="BC39" s="88">
        <v>1.6973702991942313E-2</v>
      </c>
      <c r="BD39" s="89">
        <v>4.2446619666232479E-3</v>
      </c>
    </row>
    <row r="40" spans="1:56">
      <c r="A40" s="44" t="s">
        <v>533</v>
      </c>
      <c r="B40" s="99">
        <v>3236</v>
      </c>
      <c r="C40" s="100">
        <v>5.7395239233640245</v>
      </c>
      <c r="D40" s="101">
        <v>4.3549116083071486E-2</v>
      </c>
      <c r="E40" s="91">
        <v>6.3733022838043038E-2</v>
      </c>
      <c r="F40" s="92">
        <v>8.6167209244734245E-3</v>
      </c>
      <c r="G40" s="91">
        <v>8.6067135587943933E-2</v>
      </c>
      <c r="H40" s="92">
        <v>9.8809197206454168E-3</v>
      </c>
      <c r="I40" s="91">
        <v>0.83667867593975809</v>
      </c>
      <c r="J40" s="92">
        <v>1.3001765273901204E-2</v>
      </c>
      <c r="K40" s="91">
        <v>1.3521165634254586E-2</v>
      </c>
      <c r="L40" s="92">
        <v>4.1458491472646805E-3</v>
      </c>
      <c r="M40" s="90">
        <v>3199</v>
      </c>
      <c r="N40" s="100">
        <v>4.7824844778288229</v>
      </c>
      <c r="O40" s="101">
        <v>4.9785501217486719E-2</v>
      </c>
      <c r="P40" s="91">
        <v>0.1539508214428221</v>
      </c>
      <c r="Q40" s="92">
        <v>1.2768447390341069E-2</v>
      </c>
      <c r="R40" s="91">
        <v>0.20682840027796234</v>
      </c>
      <c r="S40" s="92">
        <v>1.4322669864115688E-2</v>
      </c>
      <c r="T40" s="91">
        <v>0.5501402825742383</v>
      </c>
      <c r="U40" s="92">
        <v>1.7580543959557812E-2</v>
      </c>
      <c r="V40" s="91">
        <v>8.9080495704972618E-2</v>
      </c>
      <c r="W40" s="92">
        <v>1.0092710380566035E-2</v>
      </c>
      <c r="X40" s="99">
        <v>3217</v>
      </c>
      <c r="Y40" s="100">
        <v>5.5626913788116683</v>
      </c>
      <c r="Z40" s="101">
        <v>4.729910741243238E-2</v>
      </c>
      <c r="AA40" s="91">
        <v>7.974637581232133E-2</v>
      </c>
      <c r="AB40" s="92">
        <v>9.5749643207973627E-3</v>
      </c>
      <c r="AC40" s="91">
        <v>0.12195532036590821</v>
      </c>
      <c r="AD40" s="92">
        <v>1.1550784955022628E-2</v>
      </c>
      <c r="AE40" s="91">
        <v>0.78153230785570504</v>
      </c>
      <c r="AF40" s="92">
        <v>1.4569739221276849E-2</v>
      </c>
      <c r="AG40" s="91">
        <v>1.6765995966063818E-2</v>
      </c>
      <c r="AH40" s="92">
        <v>4.6034312010880696E-3</v>
      </c>
      <c r="AI40" s="90">
        <v>3211</v>
      </c>
      <c r="AJ40" s="100">
        <v>5.4618100752768264</v>
      </c>
      <c r="AK40" s="101">
        <v>5.1869379343943998E-2</v>
      </c>
      <c r="AL40" s="91">
        <v>8.5907319308509075E-2</v>
      </c>
      <c r="AM40" s="92">
        <v>9.9111868344336686E-3</v>
      </c>
      <c r="AN40" s="91">
        <v>0.11947367116914447</v>
      </c>
      <c r="AO40" s="92">
        <v>1.1460110040934042E-2</v>
      </c>
      <c r="AP40" s="91">
        <v>0.75926780914838798</v>
      </c>
      <c r="AQ40" s="92">
        <v>1.5086989421142963E-2</v>
      </c>
      <c r="AR40" s="91">
        <v>3.5351200373956421E-2</v>
      </c>
      <c r="AS40" s="92">
        <v>6.5647521777754099E-3</v>
      </c>
      <c r="AT40" s="99">
        <v>3204</v>
      </c>
      <c r="AU40" s="100">
        <v>5.2976357742018605</v>
      </c>
      <c r="AV40" s="101">
        <v>4.8672993572069993E-2</v>
      </c>
      <c r="AW40" s="91">
        <v>0.10701357040464803</v>
      </c>
      <c r="AX40" s="92">
        <v>1.0937738044329482E-2</v>
      </c>
      <c r="AY40" s="91">
        <v>0.14916649266545201</v>
      </c>
      <c r="AZ40" s="92">
        <v>1.2594906631322331E-2</v>
      </c>
      <c r="BA40" s="91">
        <v>0.72690760576968316</v>
      </c>
      <c r="BB40" s="92">
        <v>1.573792752923964E-2</v>
      </c>
      <c r="BC40" s="91">
        <v>1.6912331160214403E-2</v>
      </c>
      <c r="BD40" s="92">
        <v>4.6320902619396117E-3</v>
      </c>
    </row>
    <row r="41" spans="1:56">
      <c r="A41" s="40" t="s">
        <v>534</v>
      </c>
      <c r="B41" s="95">
        <v>2520</v>
      </c>
      <c r="C41" s="96">
        <v>5.9042502177147016</v>
      </c>
      <c r="D41" s="97">
        <v>4.8260658491983917E-2</v>
      </c>
      <c r="E41" s="88">
        <v>5.1822506385269376E-2</v>
      </c>
      <c r="F41" s="89">
        <v>8.8814234548745385E-3</v>
      </c>
      <c r="G41" s="88">
        <v>8.1298490624236941E-2</v>
      </c>
      <c r="H41" s="89">
        <v>1.0919984620498426E-2</v>
      </c>
      <c r="I41" s="88">
        <v>0.86598846355646197</v>
      </c>
      <c r="J41" s="89">
        <v>1.3586412094564434E-2</v>
      </c>
      <c r="K41" s="88">
        <v>8.9053943403535245E-4</v>
      </c>
      <c r="L41" s="89">
        <v>1.6310641491168335E-3</v>
      </c>
      <c r="M41" s="87">
        <v>2511</v>
      </c>
      <c r="N41" s="96">
        <v>5.1736161207918743</v>
      </c>
      <c r="O41" s="97">
        <v>5.4242759341084683E-2</v>
      </c>
      <c r="P41" s="88">
        <v>0.1085685788770996</v>
      </c>
      <c r="Q41" s="89">
        <v>1.243789694854755E-2</v>
      </c>
      <c r="R41" s="88">
        <v>0.14430876546203111</v>
      </c>
      <c r="S41" s="89">
        <v>1.4036921665137703E-2</v>
      </c>
      <c r="T41" s="88">
        <v>0.67640656985474545</v>
      </c>
      <c r="U41" s="89">
        <v>1.8662200925684221E-2</v>
      </c>
      <c r="V41" s="88">
        <v>7.0716085806127496E-2</v>
      </c>
      <c r="W41" s="89">
        <v>1.0268835569923222E-2</v>
      </c>
      <c r="X41" s="95">
        <v>2504</v>
      </c>
      <c r="Y41" s="96">
        <v>5.7621046511095608</v>
      </c>
      <c r="Z41" s="97">
        <v>5.27928784018772E-2</v>
      </c>
      <c r="AA41" s="88">
        <v>7.6311121796248729E-2</v>
      </c>
      <c r="AB41" s="89">
        <v>1.0645804316860394E-2</v>
      </c>
      <c r="AC41" s="88">
        <v>9.2061722502833357E-2</v>
      </c>
      <c r="AD41" s="89">
        <v>1.1582638622675031E-2</v>
      </c>
      <c r="AE41" s="88">
        <v>0.82741539924176311</v>
      </c>
      <c r="AF41" s="89">
        <v>1.5109427125694731E-2</v>
      </c>
      <c r="AG41" s="88">
        <v>4.2117564591571902E-3</v>
      </c>
      <c r="AH41" s="89">
        <v>2.8175408732204134E-3</v>
      </c>
      <c r="AI41" s="87">
        <v>2499</v>
      </c>
      <c r="AJ41" s="96">
        <v>5.4147932520256958</v>
      </c>
      <c r="AK41" s="97">
        <v>5.9357665980560172E-2</v>
      </c>
      <c r="AL41" s="88">
        <v>9.8658218119691291E-2</v>
      </c>
      <c r="AM41" s="89">
        <v>1.1955382874870539E-2</v>
      </c>
      <c r="AN41" s="88">
        <v>0.12166004319773942</v>
      </c>
      <c r="AO41" s="89">
        <v>1.3095794087971015E-2</v>
      </c>
      <c r="AP41" s="88">
        <v>0.75148719575770562</v>
      </c>
      <c r="AQ41" s="89">
        <v>1.7285003643774329E-2</v>
      </c>
      <c r="AR41" s="88">
        <v>2.8194542924866121E-2</v>
      </c>
      <c r="AS41" s="89">
        <v>6.7024553693348877E-3</v>
      </c>
      <c r="AT41" s="95">
        <v>2496</v>
      </c>
      <c r="AU41" s="96">
        <v>5.5745255418883755</v>
      </c>
      <c r="AV41" s="97">
        <v>5.3544006192415956E-2</v>
      </c>
      <c r="AW41" s="88">
        <v>8.4437184025141401E-2</v>
      </c>
      <c r="AX41" s="89">
        <v>1.1161341836122076E-2</v>
      </c>
      <c r="AY41" s="88">
        <v>0.11044124582682455</v>
      </c>
      <c r="AZ41" s="89">
        <v>1.2568481711015005E-2</v>
      </c>
      <c r="BA41" s="88">
        <v>0.80104971912865475</v>
      </c>
      <c r="BB41" s="89">
        <v>1.5982933577248372E-2</v>
      </c>
      <c r="BC41" s="88">
        <v>4.0718510193808767E-3</v>
      </c>
      <c r="BD41" s="89">
        <v>2.7832828279698851E-3</v>
      </c>
    </row>
    <row r="42" spans="1:56">
      <c r="A42" s="44" t="s">
        <v>535</v>
      </c>
      <c r="B42" s="99">
        <v>488</v>
      </c>
      <c r="C42" s="100">
        <v>6.0728107198805041</v>
      </c>
      <c r="D42" s="101">
        <v>0.10037358342578652</v>
      </c>
      <c r="E42" s="91">
        <v>3.0032949693252251E-2</v>
      </c>
      <c r="F42" s="92">
        <v>1.6306948713634133E-2</v>
      </c>
      <c r="G42" s="91">
        <v>7.5649983381278235E-2</v>
      </c>
      <c r="H42" s="92">
        <v>2.4335590070888907E-2</v>
      </c>
      <c r="I42" s="91">
        <v>0.89231598130034062</v>
      </c>
      <c r="J42" s="92">
        <v>2.8310219489366812E-2</v>
      </c>
      <c r="K42" s="91">
        <v>2.0010856251298659E-3</v>
      </c>
      <c r="L42" s="92">
        <v>6.9920143261865608E-3</v>
      </c>
      <c r="M42" s="90">
        <v>486</v>
      </c>
      <c r="N42" s="100">
        <v>5.1787173414183787</v>
      </c>
      <c r="O42" s="101">
        <v>0.12369707612705805</v>
      </c>
      <c r="P42" s="91">
        <v>0.10626727525610878</v>
      </c>
      <c r="Q42" s="92">
        <v>2.8211336357106178E-2</v>
      </c>
      <c r="R42" s="91">
        <v>0.13259916606109814</v>
      </c>
      <c r="S42" s="92">
        <v>3.0932638102196378E-2</v>
      </c>
      <c r="T42" s="91">
        <v>0.67940603298052293</v>
      </c>
      <c r="U42" s="92">
        <v>4.2217785664522021E-2</v>
      </c>
      <c r="V42" s="91">
        <v>8.1727525702272125E-2</v>
      </c>
      <c r="W42" s="92">
        <v>2.5216262259725765E-2</v>
      </c>
      <c r="X42" s="99">
        <v>486</v>
      </c>
      <c r="Y42" s="100">
        <v>5.8743069207331891</v>
      </c>
      <c r="Z42" s="101">
        <v>0.10945305737519252</v>
      </c>
      <c r="AA42" s="91">
        <v>5.59969118221001E-2</v>
      </c>
      <c r="AB42" s="92">
        <v>2.1393630997817652E-2</v>
      </c>
      <c r="AC42" s="91">
        <v>6.841965348372335E-2</v>
      </c>
      <c r="AD42" s="92">
        <v>2.3346021445567633E-2</v>
      </c>
      <c r="AE42" s="91">
        <v>0.86868451233237021</v>
      </c>
      <c r="AF42" s="92">
        <v>3.0809739953602904E-2</v>
      </c>
      <c r="AG42" s="91">
        <v>6.8989223618071104E-3</v>
      </c>
      <c r="AH42" s="92">
        <v>9.3916586182109067E-3</v>
      </c>
      <c r="AI42" s="90">
        <v>485</v>
      </c>
      <c r="AJ42" s="100">
        <v>5.5427202946072258</v>
      </c>
      <c r="AK42" s="101">
        <v>0.12390575460533888</v>
      </c>
      <c r="AL42" s="91">
        <v>6.8882077476090209E-2</v>
      </c>
      <c r="AM42" s="92">
        <v>2.3439536008052347E-2</v>
      </c>
      <c r="AN42" s="91">
        <v>0.10195682828638905</v>
      </c>
      <c r="AO42" s="92">
        <v>2.7750431862864647E-2</v>
      </c>
      <c r="AP42" s="91">
        <v>0.80083625542748549</v>
      </c>
      <c r="AQ42" s="92">
        <v>3.6286984316745541E-2</v>
      </c>
      <c r="AR42" s="91">
        <v>2.8324838810036234E-2</v>
      </c>
      <c r="AS42" s="92">
        <v>1.5961961166615298E-2</v>
      </c>
      <c r="AT42" s="99">
        <v>483</v>
      </c>
      <c r="AU42" s="100">
        <v>5.6737384987862418</v>
      </c>
      <c r="AV42" s="101">
        <v>0.11576970480470405</v>
      </c>
      <c r="AW42" s="91">
        <v>6.7867086314364361E-2</v>
      </c>
      <c r="AX42" s="92">
        <v>2.3338615457825364E-2</v>
      </c>
      <c r="AY42" s="91">
        <v>8.7795773106719335E-2</v>
      </c>
      <c r="AZ42" s="92">
        <v>2.6088993199737773E-2</v>
      </c>
      <c r="BA42" s="91">
        <v>0.83874558344099626</v>
      </c>
      <c r="BB42" s="92">
        <v>3.3560595264528044E-2</v>
      </c>
      <c r="BC42" s="91">
        <v>5.5915571379210396E-3</v>
      </c>
      <c r="BD42" s="92">
        <v>8.860885978667998E-3</v>
      </c>
    </row>
    <row r="43" spans="1:56">
      <c r="A43" s="40" t="s">
        <v>536</v>
      </c>
      <c r="B43" s="95">
        <v>89</v>
      </c>
      <c r="C43" s="96">
        <v>6.151971702339357</v>
      </c>
      <c r="D43" s="97">
        <v>0.25295358479772834</v>
      </c>
      <c r="E43" s="88">
        <v>2.2969893054586268E-2</v>
      </c>
      <c r="F43" s="89">
        <v>4.2297548300065983E-2</v>
      </c>
      <c r="G43" s="88">
        <v>0.10032424728160418</v>
      </c>
      <c r="H43" s="89">
        <v>6.678642592695877E-2</v>
      </c>
      <c r="I43" s="88">
        <v>0.87670585966380932</v>
      </c>
      <c r="J43" s="89">
        <v>7.185327266232569E-2</v>
      </c>
      <c r="K43" s="88">
        <v>0</v>
      </c>
      <c r="L43" s="89">
        <v>3.0084393934100805E-2</v>
      </c>
      <c r="M43" s="87">
        <v>89</v>
      </c>
      <c r="N43" s="96">
        <v>5.1403515678829068</v>
      </c>
      <c r="O43" s="97">
        <v>0.29688040468098303</v>
      </c>
      <c r="P43" s="88">
        <v>9.3803155144291675E-2</v>
      </c>
      <c r="Q43" s="89">
        <v>6.5218272707610062E-2</v>
      </c>
      <c r="R43" s="88">
        <v>0.14071053913427639</v>
      </c>
      <c r="S43" s="89">
        <v>7.528489301610905E-2</v>
      </c>
      <c r="T43" s="88">
        <v>0.65286466972244939</v>
      </c>
      <c r="U43" s="89">
        <v>9.9157587444359124E-2</v>
      </c>
      <c r="V43" s="88">
        <v>0.11262163599898287</v>
      </c>
      <c r="W43" s="89">
        <v>6.9582150275712337E-2</v>
      </c>
      <c r="X43" s="95">
        <v>88</v>
      </c>
      <c r="Y43" s="96">
        <v>6.0205709766150157</v>
      </c>
      <c r="Z43" s="97">
        <v>0.28693421039382677</v>
      </c>
      <c r="AA43" s="88">
        <v>5.0151674974806333E-2</v>
      </c>
      <c r="AB43" s="89">
        <v>5.3099894449394287E-2</v>
      </c>
      <c r="AC43" s="88">
        <v>9.4899074683694989E-2</v>
      </c>
      <c r="AD43" s="89">
        <v>6.5889621999623643E-2</v>
      </c>
      <c r="AE43" s="88">
        <v>0.85494925034149905</v>
      </c>
      <c r="AF43" s="89">
        <v>7.6535989804517854E-2</v>
      </c>
      <c r="AG43" s="88">
        <v>0</v>
      </c>
      <c r="AH43" s="89">
        <v>3.0407765486097187E-2</v>
      </c>
      <c r="AI43" s="87">
        <v>89</v>
      </c>
      <c r="AJ43" s="96">
        <v>5.5793641135065899</v>
      </c>
      <c r="AK43" s="97">
        <v>0.3188494451359552</v>
      </c>
      <c r="AL43" s="88">
        <v>0.10255328259951493</v>
      </c>
      <c r="AM43" s="89">
        <v>6.7308366727364802E-2</v>
      </c>
      <c r="AN43" s="88">
        <v>6.817113514160747E-2</v>
      </c>
      <c r="AO43" s="89">
        <v>5.8372119324633466E-2</v>
      </c>
      <c r="AP43" s="88">
        <v>0.76918444681329734</v>
      </c>
      <c r="AQ43" s="89">
        <v>8.887319194787012E-2</v>
      </c>
      <c r="AR43" s="88">
        <v>6.0091135445580285E-2</v>
      </c>
      <c r="AS43" s="89">
        <v>5.5945080244673789E-2</v>
      </c>
      <c r="AT43" s="95">
        <v>89</v>
      </c>
      <c r="AU43" s="96">
        <v>5.7553957312727952</v>
      </c>
      <c r="AV43" s="97">
        <v>0.28492207732268188</v>
      </c>
      <c r="AW43" s="88">
        <v>6.1277104370905208E-2</v>
      </c>
      <c r="AX43" s="89">
        <v>5.6310727692635766E-2</v>
      </c>
      <c r="AY43" s="88">
        <v>0.12541634999930912</v>
      </c>
      <c r="AZ43" s="89">
        <v>7.2288980592732671E-2</v>
      </c>
      <c r="BA43" s="88">
        <v>0.81330654562978577</v>
      </c>
      <c r="BB43" s="89">
        <v>8.2982411472159567E-2</v>
      </c>
      <c r="BC43" s="88">
        <v>0</v>
      </c>
      <c r="BD43" s="89">
        <v>3.0084393934100805E-2</v>
      </c>
    </row>
    <row r="44" spans="1:56">
      <c r="A44" s="44" t="s">
        <v>537</v>
      </c>
      <c r="B44" s="99">
        <v>139</v>
      </c>
      <c r="C44" s="100">
        <v>6.1112817551954057</v>
      </c>
      <c r="D44" s="101">
        <v>0.18256113188291309</v>
      </c>
      <c r="E44" s="91">
        <v>4.0213878909675947E-2</v>
      </c>
      <c r="F44" s="92">
        <v>3.7494268254061928E-2</v>
      </c>
      <c r="G44" s="91">
        <v>3.8991739704408342E-2</v>
      </c>
      <c r="H44" s="92">
        <v>3.7095532325391943E-2</v>
      </c>
      <c r="I44" s="91">
        <v>0.92079438138591574</v>
      </c>
      <c r="J44" s="92">
        <v>4.8096476971330314E-2</v>
      </c>
      <c r="K44" s="91">
        <v>0</v>
      </c>
      <c r="L44" s="92">
        <v>1.964040746931579E-2</v>
      </c>
      <c r="M44" s="90">
        <v>139</v>
      </c>
      <c r="N44" s="100">
        <v>5.5119571481747656</v>
      </c>
      <c r="O44" s="101">
        <v>0.22124132080149142</v>
      </c>
      <c r="P44" s="91">
        <v>5.6193093039576175E-2</v>
      </c>
      <c r="Q44" s="92">
        <v>4.2277906561078708E-2</v>
      </c>
      <c r="R44" s="91">
        <v>0.15808965429190727</v>
      </c>
      <c r="S44" s="92">
        <v>6.2477040738222266E-2</v>
      </c>
      <c r="T44" s="91">
        <v>0.76369078992430406</v>
      </c>
      <c r="U44" s="92">
        <v>7.1800561213778341E-2</v>
      </c>
      <c r="V44" s="91">
        <v>2.2026462744212095E-2</v>
      </c>
      <c r="W44" s="92">
        <v>3.090407001078109E-2</v>
      </c>
      <c r="X44" s="99">
        <v>138</v>
      </c>
      <c r="Y44" s="100">
        <v>5.8241272021590582</v>
      </c>
      <c r="Z44" s="101">
        <v>0.19611160213811885</v>
      </c>
      <c r="AA44" s="91">
        <v>8.6861402603271506E-2</v>
      </c>
      <c r="AB44" s="92">
        <v>5.0013247536768106E-2</v>
      </c>
      <c r="AC44" s="91">
        <v>6.9535660161856375E-2</v>
      </c>
      <c r="AD44" s="92">
        <v>4.5961658643141799E-2</v>
      </c>
      <c r="AE44" s="91">
        <v>0.84360293723487201</v>
      </c>
      <c r="AF44" s="92">
        <v>6.2460077332117121E-2</v>
      </c>
      <c r="AG44" s="91">
        <v>0</v>
      </c>
      <c r="AH44" s="92">
        <v>1.9777732323927027E-2</v>
      </c>
      <c r="AI44" s="90">
        <v>137</v>
      </c>
      <c r="AJ44" s="100">
        <v>5.5442440185271904</v>
      </c>
      <c r="AK44" s="101">
        <v>0.22574851037300811</v>
      </c>
      <c r="AL44" s="91">
        <v>5.3094969440973729E-2</v>
      </c>
      <c r="AM44" s="92">
        <v>4.1751382425227052E-2</v>
      </c>
      <c r="AN44" s="91">
        <v>7.1731012028566771E-2</v>
      </c>
      <c r="AO44" s="92">
        <v>4.6690333650519222E-2</v>
      </c>
      <c r="AP44" s="91">
        <v>0.84158023991480357</v>
      </c>
      <c r="AQ44" s="92">
        <v>6.2986886938098743E-2</v>
      </c>
      <c r="AR44" s="91">
        <v>3.3593778615655663E-2</v>
      </c>
      <c r="AS44" s="92">
        <v>3.5583311531983526E-2</v>
      </c>
      <c r="AT44" s="99">
        <v>136</v>
      </c>
      <c r="AU44" s="100">
        <v>5.7609097924108017</v>
      </c>
      <c r="AV44" s="101">
        <v>0.20609140802286832</v>
      </c>
      <c r="AW44" s="91">
        <v>6.6524821546145224E-2</v>
      </c>
      <c r="AX44" s="92">
        <v>4.5570374431425184E-2</v>
      </c>
      <c r="AY44" s="91">
        <v>7.8178154723763355E-2</v>
      </c>
      <c r="AZ44" s="92">
        <v>4.8429246509050679E-2</v>
      </c>
      <c r="BA44" s="91">
        <v>0.85529702373009142</v>
      </c>
      <c r="BB44" s="92">
        <v>6.1149572932223936E-2</v>
      </c>
      <c r="BC44" s="91">
        <v>0</v>
      </c>
      <c r="BD44" s="92">
        <v>2.0058224286213251E-2</v>
      </c>
    </row>
    <row r="45" spans="1:56">
      <c r="A45" s="40" t="s">
        <v>538</v>
      </c>
      <c r="B45" s="95">
        <v>107</v>
      </c>
      <c r="C45" s="96">
        <v>5.9342145164653628</v>
      </c>
      <c r="D45" s="97">
        <v>0.21179569270959736</v>
      </c>
      <c r="E45" s="88">
        <v>1.1089254689889645E-2</v>
      </c>
      <c r="F45" s="89">
        <v>3.1698768093746721E-2</v>
      </c>
      <c r="G45" s="88">
        <v>0.13397374701423514</v>
      </c>
      <c r="H45" s="89">
        <v>6.7251490895031074E-2</v>
      </c>
      <c r="I45" s="88">
        <v>0.84475241986486538</v>
      </c>
      <c r="J45" s="89">
        <v>7.091614032066379E-2</v>
      </c>
      <c r="K45" s="88">
        <v>1.0184578431009599E-2</v>
      </c>
      <c r="L45" s="89">
        <v>3.1227595121000113E-2</v>
      </c>
      <c r="M45" s="87">
        <v>107</v>
      </c>
      <c r="N45" s="96">
        <v>5.3152969437945821</v>
      </c>
      <c r="O45" s="97">
        <v>0.22727461213159866</v>
      </c>
      <c r="P45" s="88">
        <v>9.9144003823995921E-2</v>
      </c>
      <c r="Q45" s="89">
        <v>6.0235796078666651E-2</v>
      </c>
      <c r="R45" s="88">
        <v>4.8631711898407259E-2</v>
      </c>
      <c r="S45" s="89">
        <v>4.6763959550088156E-2</v>
      </c>
      <c r="T45" s="88">
        <v>0.78510866353091402</v>
      </c>
      <c r="U45" s="89">
        <v>7.9291004681759439E-2</v>
      </c>
      <c r="V45" s="88">
        <v>6.7115620746682675E-2</v>
      </c>
      <c r="W45" s="89">
        <v>5.2289311964561887E-2</v>
      </c>
      <c r="X45" s="95">
        <v>105</v>
      </c>
      <c r="Y45" s="96">
        <v>5.8427962834401708</v>
      </c>
      <c r="Z45" s="97">
        <v>0.22403978290372448</v>
      </c>
      <c r="AA45" s="88">
        <v>2.9482696331954199E-2</v>
      </c>
      <c r="AB45" s="89">
        <v>4.0439730327142043E-2</v>
      </c>
      <c r="AC45" s="88">
        <v>6.8126666413818593E-2</v>
      </c>
      <c r="AD45" s="89">
        <v>5.3130750960194324E-2</v>
      </c>
      <c r="AE45" s="88">
        <v>0.89218644640244671</v>
      </c>
      <c r="AF45" s="89">
        <v>6.274207565225727E-2</v>
      </c>
      <c r="AG45" s="88">
        <v>1.0204190851780119E-2</v>
      </c>
      <c r="AH45" s="89">
        <v>3.1700623461644387E-2</v>
      </c>
      <c r="AI45" s="87">
        <v>104</v>
      </c>
      <c r="AJ45" s="96">
        <v>5.1879719732911704</v>
      </c>
      <c r="AK45" s="97">
        <v>0.26500302280886068</v>
      </c>
      <c r="AL45" s="88">
        <v>8.3420711179992488E-2</v>
      </c>
      <c r="AM45" s="89">
        <v>5.743864214275704E-2</v>
      </c>
      <c r="AN45" s="88">
        <v>0.14682806268405568</v>
      </c>
      <c r="AO45" s="89">
        <v>7.0537033849917802E-2</v>
      </c>
      <c r="AP45" s="88">
        <v>0.73948230048453212</v>
      </c>
      <c r="AQ45" s="89">
        <v>8.5378858372551214E-2</v>
      </c>
      <c r="AR45" s="88">
        <v>3.0268925651419424E-2</v>
      </c>
      <c r="AS45" s="89">
        <v>4.1003292437309012E-2</v>
      </c>
      <c r="AT45" s="95">
        <v>105</v>
      </c>
      <c r="AU45" s="96">
        <v>5.6466116865891287</v>
      </c>
      <c r="AV45" s="97">
        <v>0.25037416677781638</v>
      </c>
      <c r="AW45" s="88">
        <v>7.6589723656500366E-2</v>
      </c>
      <c r="AX45" s="89">
        <v>5.5401851224356029E-2</v>
      </c>
      <c r="AY45" s="88">
        <v>7.0639436209692652E-2</v>
      </c>
      <c r="AZ45" s="89">
        <v>5.3819799614714108E-2</v>
      </c>
      <c r="BA45" s="88">
        <v>0.83304284243255211</v>
      </c>
      <c r="BB45" s="89">
        <v>7.3465670769390382E-2</v>
      </c>
      <c r="BC45" s="88">
        <v>1.9727997701254784E-2</v>
      </c>
      <c r="BD45" s="89">
        <v>3.632545913954946E-2</v>
      </c>
    </row>
    <row r="46" spans="1:56">
      <c r="A46" s="44" t="s">
        <v>539</v>
      </c>
      <c r="B46" s="99">
        <v>153</v>
      </c>
      <c r="C46" s="100">
        <v>6.0851211389619158</v>
      </c>
      <c r="D46" s="101">
        <v>0.17847742695500066</v>
      </c>
      <c r="E46" s="91">
        <v>3.5933128771883191E-2</v>
      </c>
      <c r="F46" s="92">
        <v>3.4038496883113445E-2</v>
      </c>
      <c r="G46" s="91">
        <v>5.9572905635000561E-2</v>
      </c>
      <c r="H46" s="92">
        <v>4.0938727173734604E-2</v>
      </c>
      <c r="I46" s="91">
        <v>0.90449396559311612</v>
      </c>
      <c r="J46" s="92">
        <v>4.909772282423043E-2</v>
      </c>
      <c r="K46" s="91">
        <v>0</v>
      </c>
      <c r="L46" s="92">
        <v>1.79003434579789E-2</v>
      </c>
      <c r="M46" s="90">
        <v>151</v>
      </c>
      <c r="N46" s="100">
        <v>4.8988210003333679</v>
      </c>
      <c r="O46" s="101">
        <v>0.24297365452618264</v>
      </c>
      <c r="P46" s="91">
        <v>0.1453164714210739</v>
      </c>
      <c r="Q46" s="92">
        <v>5.8056421731507914E-2</v>
      </c>
      <c r="R46" s="91">
        <v>0.15561351008667013</v>
      </c>
      <c r="S46" s="92">
        <v>5.9555418737485981E-2</v>
      </c>
      <c r="T46" s="91">
        <v>0.58610058725423431</v>
      </c>
      <c r="U46" s="92">
        <v>7.9183637006243229E-2</v>
      </c>
      <c r="V46" s="91">
        <v>0.11296943123802103</v>
      </c>
      <c r="W46" s="92">
        <v>5.2753551198808105E-2</v>
      </c>
      <c r="X46" s="99">
        <v>155</v>
      </c>
      <c r="Y46" s="100">
        <v>5.8627731898387649</v>
      </c>
      <c r="Z46" s="101">
        <v>0.19588793858013664</v>
      </c>
      <c r="AA46" s="91">
        <v>5.2665406039416912E-2</v>
      </c>
      <c r="AB46" s="92">
        <v>3.8797475875413601E-2</v>
      </c>
      <c r="AC46" s="91">
        <v>5.7682345797210398E-2</v>
      </c>
      <c r="AD46" s="92">
        <v>4.0149105962016186E-2</v>
      </c>
      <c r="AE46" s="91">
        <v>0.87757578170664363</v>
      </c>
      <c r="AF46" s="92">
        <v>5.3674843883336161E-2</v>
      </c>
      <c r="AG46" s="91">
        <v>1.2076466456728899E-2</v>
      </c>
      <c r="AH46" s="92">
        <v>2.4447756063686057E-2</v>
      </c>
      <c r="AI46" s="90">
        <v>155</v>
      </c>
      <c r="AJ46" s="100">
        <v>5.6925332544530365</v>
      </c>
      <c r="AK46" s="101">
        <v>0.20839747992779589</v>
      </c>
      <c r="AL46" s="91">
        <v>5.8127481220649937E-2</v>
      </c>
      <c r="AM46" s="92">
        <v>4.0266118278614239E-2</v>
      </c>
      <c r="AN46" s="91">
        <v>0.11196053356263999</v>
      </c>
      <c r="AO46" s="92">
        <v>5.1860033628733156E-2</v>
      </c>
      <c r="AP46" s="91">
        <v>0.81811969873145884</v>
      </c>
      <c r="AQ46" s="92">
        <v>6.2208341403031948E-2</v>
      </c>
      <c r="AR46" s="91">
        <v>1.1792286485251284E-2</v>
      </c>
      <c r="AS46" s="92">
        <v>2.4311744935237401E-2</v>
      </c>
      <c r="AT46" s="99">
        <v>153</v>
      </c>
      <c r="AU46" s="100">
        <v>5.6019587105788915</v>
      </c>
      <c r="AV46" s="101">
        <v>0.20893574379446686</v>
      </c>
      <c r="AW46" s="91">
        <v>6.712609176129411E-2</v>
      </c>
      <c r="AX46" s="92">
        <v>4.2843684210834961E-2</v>
      </c>
      <c r="AY46" s="91">
        <v>8.6795967093241777E-2</v>
      </c>
      <c r="AZ46" s="92">
        <v>4.7310225077297964E-2</v>
      </c>
      <c r="BA46" s="91">
        <v>0.84166718507405003</v>
      </c>
      <c r="BB46" s="92">
        <v>5.9538803777599875E-2</v>
      </c>
      <c r="BC46" s="91">
        <v>4.4107560714139295E-3</v>
      </c>
      <c r="BD46" s="92">
        <v>2.0656095964358485E-2</v>
      </c>
    </row>
    <row r="47" spans="1:56">
      <c r="A47" s="40" t="s">
        <v>540</v>
      </c>
      <c r="B47" s="95">
        <v>342</v>
      </c>
      <c r="C47" s="96">
        <v>5.7966100725191705</v>
      </c>
      <c r="D47" s="97">
        <v>0.13858251730431237</v>
      </c>
      <c r="E47" s="88">
        <v>6.1778420938773768E-2</v>
      </c>
      <c r="F47" s="89">
        <v>2.6853567875109018E-2</v>
      </c>
      <c r="G47" s="88">
        <v>8.3877940677935803E-2</v>
      </c>
      <c r="H47" s="89">
        <v>3.0567452654795838E-2</v>
      </c>
      <c r="I47" s="88">
        <v>0.85155068690692604</v>
      </c>
      <c r="J47" s="89">
        <v>3.8655604088256697E-2</v>
      </c>
      <c r="K47" s="88">
        <v>2.7929514763668519E-3</v>
      </c>
      <c r="L47" s="89">
        <v>9.8942740442944169E-3</v>
      </c>
      <c r="M47" s="87">
        <v>340</v>
      </c>
      <c r="N47" s="96">
        <v>5.2142332272381084</v>
      </c>
      <c r="O47" s="97">
        <v>0.15357255231568739</v>
      </c>
      <c r="P47" s="88">
        <v>0.11924668016156584</v>
      </c>
      <c r="Q47" s="89">
        <v>3.5499553731375005E-2</v>
      </c>
      <c r="R47" s="88">
        <v>0.10260633595421849</v>
      </c>
      <c r="S47" s="89">
        <v>3.3363662467430444E-2</v>
      </c>
      <c r="T47" s="88">
        <v>0.72152648103126027</v>
      </c>
      <c r="U47" s="89">
        <v>4.8472077599616671E-2</v>
      </c>
      <c r="V47" s="88">
        <v>5.6620502852957111E-2</v>
      </c>
      <c r="W47" s="89">
        <v>2.5960568161838542E-2</v>
      </c>
      <c r="X47" s="95">
        <v>341</v>
      </c>
      <c r="Y47" s="96">
        <v>5.7419447968518957</v>
      </c>
      <c r="Z47" s="97">
        <v>0.15210802318571112</v>
      </c>
      <c r="AA47" s="88">
        <v>6.687034108256984E-2</v>
      </c>
      <c r="AB47" s="89">
        <v>2.7813802280157774E-2</v>
      </c>
      <c r="AC47" s="88">
        <v>8.4508134050540515E-2</v>
      </c>
      <c r="AD47" s="89">
        <v>3.0710692735486957E-2</v>
      </c>
      <c r="AE47" s="88">
        <v>0.84332219696865451</v>
      </c>
      <c r="AF47" s="89">
        <v>3.9540438993833173E-2</v>
      </c>
      <c r="AG47" s="88">
        <v>5.2993278982373434E-3</v>
      </c>
      <c r="AH47" s="89">
        <v>1.1248557734261233E-2</v>
      </c>
      <c r="AI47" s="87">
        <v>338</v>
      </c>
      <c r="AJ47" s="96">
        <v>5.3021382043308849</v>
      </c>
      <c r="AK47" s="97">
        <v>0.16090266140022211</v>
      </c>
      <c r="AL47" s="88">
        <v>0.1081066028981318</v>
      </c>
      <c r="AM47" s="89">
        <v>3.4197753282651781E-2</v>
      </c>
      <c r="AN47" s="88">
        <v>0.12123851377096656</v>
      </c>
      <c r="AO47" s="89">
        <v>3.5848268229960699E-2</v>
      </c>
      <c r="AP47" s="88">
        <v>0.75537727565623725</v>
      </c>
      <c r="AQ47" s="89">
        <v>4.6679081367100188E-2</v>
      </c>
      <c r="AR47" s="88">
        <v>1.5277607674666637E-2</v>
      </c>
      <c r="AS47" s="89">
        <v>1.5487442123327413E-2</v>
      </c>
      <c r="AT47" s="95">
        <v>339</v>
      </c>
      <c r="AU47" s="96">
        <v>5.5163537425893185</v>
      </c>
      <c r="AV47" s="97">
        <v>0.15631046093913536</v>
      </c>
      <c r="AW47" s="88">
        <v>9.8252074887328594E-2</v>
      </c>
      <c r="AX47" s="89">
        <v>3.2815611457791084E-2</v>
      </c>
      <c r="AY47" s="88">
        <v>9.6582429231180905E-2</v>
      </c>
      <c r="AZ47" s="89">
        <v>3.2581443047812839E-2</v>
      </c>
      <c r="BA47" s="88">
        <v>0.79738276860795965</v>
      </c>
      <c r="BB47" s="89">
        <v>4.3681075943108896E-2</v>
      </c>
      <c r="BC47" s="88">
        <v>7.7827272735334317E-3</v>
      </c>
      <c r="BD47" s="89">
        <v>1.2472711845504083E-2</v>
      </c>
    </row>
    <row r="48" spans="1:56">
      <c r="A48" s="44" t="s">
        <v>541</v>
      </c>
      <c r="B48" s="99">
        <v>113</v>
      </c>
      <c r="C48" s="100">
        <v>5.6627004931329079</v>
      </c>
      <c r="D48" s="101">
        <v>0.23171454024716434</v>
      </c>
      <c r="E48" s="91">
        <v>4.9725822467168918E-2</v>
      </c>
      <c r="F48" s="92">
        <v>4.5621715327383142E-2</v>
      </c>
      <c r="G48" s="91">
        <v>0.10565083267763116</v>
      </c>
      <c r="H48" s="92">
        <v>5.9897410367198936E-2</v>
      </c>
      <c r="I48" s="91">
        <v>0.84462334485519974</v>
      </c>
      <c r="J48" s="92">
        <v>6.8989441933248755E-2</v>
      </c>
      <c r="K48" s="91">
        <v>0</v>
      </c>
      <c r="L48" s="92">
        <v>2.3967079753657358E-2</v>
      </c>
      <c r="M48" s="90">
        <v>112</v>
      </c>
      <c r="N48" s="100">
        <v>5.0184793941902663</v>
      </c>
      <c r="O48" s="101">
        <v>0.26969942116693124</v>
      </c>
      <c r="P48" s="91">
        <v>0.13602249537706806</v>
      </c>
      <c r="Q48" s="92">
        <v>6.6045798009354867E-2</v>
      </c>
      <c r="R48" s="91">
        <v>0.12214884521257216</v>
      </c>
      <c r="S48" s="92">
        <v>6.3491799870234719E-2</v>
      </c>
      <c r="T48" s="91">
        <v>0.68798309546581815</v>
      </c>
      <c r="U48" s="92">
        <v>8.6514383122759664E-2</v>
      </c>
      <c r="V48" s="91">
        <v>5.3845563944542228E-2</v>
      </c>
      <c r="W48" s="92">
        <v>4.7137867903505749E-2</v>
      </c>
      <c r="X48" s="99">
        <v>112</v>
      </c>
      <c r="Y48" s="100">
        <v>5.5646406053069368</v>
      </c>
      <c r="Z48" s="101">
        <v>0.26418155100591689</v>
      </c>
      <c r="AA48" s="91">
        <v>8.3051293754958774E-2</v>
      </c>
      <c r="AB48" s="92">
        <v>5.5066247685928549E-2</v>
      </c>
      <c r="AC48" s="91">
        <v>8.5835388105414231E-2</v>
      </c>
      <c r="AD48" s="92">
        <v>5.5737539966961888E-2</v>
      </c>
      <c r="AE48" s="91">
        <v>0.83111331813962697</v>
      </c>
      <c r="AF48" s="92">
        <v>7.1388860365017695E-2</v>
      </c>
      <c r="AG48" s="91">
        <v>0</v>
      </c>
      <c r="AH48" s="92">
        <v>2.4171880321350918E-2</v>
      </c>
      <c r="AI48" s="90">
        <v>112</v>
      </c>
      <c r="AJ48" s="100">
        <v>5.0598946434446868</v>
      </c>
      <c r="AK48" s="101">
        <v>0.26368506004696785</v>
      </c>
      <c r="AL48" s="91">
        <v>0.12587040778235986</v>
      </c>
      <c r="AM48" s="92">
        <v>6.4196336483176381E-2</v>
      </c>
      <c r="AN48" s="91">
        <v>0.13955799671094266</v>
      </c>
      <c r="AO48" s="92">
        <v>6.6666171337070729E-2</v>
      </c>
      <c r="AP48" s="91">
        <v>0.73410045616624697</v>
      </c>
      <c r="AQ48" s="92">
        <v>8.2819148870991455E-2</v>
      </c>
      <c r="AR48" s="91">
        <v>4.7113934045104846E-4</v>
      </c>
      <c r="AS48" s="92">
        <v>2.448300917344921E-2</v>
      </c>
      <c r="AT48" s="99">
        <v>113</v>
      </c>
      <c r="AU48" s="100">
        <v>5.2431810274812412</v>
      </c>
      <c r="AV48" s="101">
        <v>0.27632901719152025</v>
      </c>
      <c r="AW48" s="91">
        <v>0.102064812970112</v>
      </c>
      <c r="AX48" s="92">
        <v>5.913623749518105E-2</v>
      </c>
      <c r="AY48" s="91">
        <v>0.16613076968466167</v>
      </c>
      <c r="AZ48" s="92">
        <v>7.0655741530496904E-2</v>
      </c>
      <c r="BA48" s="91">
        <v>0.7318044173452265</v>
      </c>
      <c r="BB48" s="92">
        <v>8.2664594356756799E-2</v>
      </c>
      <c r="BC48" s="91">
        <v>0</v>
      </c>
      <c r="BD48" s="92">
        <v>2.3967079753657358E-2</v>
      </c>
    </row>
    <row r="49" spans="1:56">
      <c r="A49" s="40" t="s">
        <v>542</v>
      </c>
      <c r="B49" s="78">
        <v>95</v>
      </c>
      <c r="C49" s="79">
        <v>5.7685023785434648</v>
      </c>
      <c r="D49" s="80">
        <v>0.26917116277573611</v>
      </c>
      <c r="E49" s="93">
        <v>7.0556250771635132E-2</v>
      </c>
      <c r="F49" s="89">
        <v>5.691737142663203E-2</v>
      </c>
      <c r="G49" s="93">
        <v>7.3759469046223464E-2</v>
      </c>
      <c r="H49" s="89">
        <v>5.7806263038910947E-2</v>
      </c>
      <c r="I49" s="93">
        <v>0.8556842801821416</v>
      </c>
      <c r="J49" s="89">
        <v>7.3444901567654874E-2</v>
      </c>
      <c r="K49" s="93">
        <v>0</v>
      </c>
      <c r="L49" s="89">
        <v>2.8279912978147775E-2</v>
      </c>
      <c r="M49" s="78">
        <v>95</v>
      </c>
      <c r="N49" s="79">
        <v>5.2830630283380904</v>
      </c>
      <c r="O49" s="80">
        <v>0.27545870270907102</v>
      </c>
      <c r="P49" s="93">
        <v>9.6449254510476617E-2</v>
      </c>
      <c r="Q49" s="89">
        <v>6.3577136810504031E-2</v>
      </c>
      <c r="R49" s="93">
        <v>4.4648905057777376E-2</v>
      </c>
      <c r="S49" s="89">
        <v>4.8854355316916467E-2</v>
      </c>
      <c r="T49" s="93">
        <v>0.78608969614697177</v>
      </c>
      <c r="U49" s="89">
        <v>8.3999277415766363E-2</v>
      </c>
      <c r="V49" s="93">
        <v>7.2812144284774755E-2</v>
      </c>
      <c r="W49" s="89">
        <v>5.7545501612062462E-2</v>
      </c>
      <c r="X49" s="78">
        <v>95</v>
      </c>
      <c r="Y49" s="79">
        <v>5.7594052692619604</v>
      </c>
      <c r="Z49" s="80">
        <v>0.30168062022590764</v>
      </c>
      <c r="AA49" s="93">
        <v>6.7061864848309588E-2</v>
      </c>
      <c r="AB49" s="89">
        <v>5.5923787465127127E-2</v>
      </c>
      <c r="AC49" s="93">
        <v>7.7082746927491078E-2</v>
      </c>
      <c r="AD49" s="89">
        <v>5.8707377373601086E-2</v>
      </c>
      <c r="AE49" s="93">
        <v>0.84807880545426362</v>
      </c>
      <c r="AF49" s="89">
        <v>7.4788312577669686E-2</v>
      </c>
      <c r="AG49" s="93">
        <v>7.7765827699359932E-3</v>
      </c>
      <c r="AH49" s="89">
        <v>3.2967127007557571E-2</v>
      </c>
      <c r="AI49" s="78">
        <v>94</v>
      </c>
      <c r="AJ49" s="79">
        <v>5.7808609299435796</v>
      </c>
      <c r="AK49" s="80">
        <v>0.28056034858089923</v>
      </c>
      <c r="AL49" s="93">
        <v>3.9478738945881983E-2</v>
      </c>
      <c r="AM49" s="89">
        <v>4.732841761190644E-2</v>
      </c>
      <c r="AN49" s="93">
        <v>9.1799261164589932E-2</v>
      </c>
      <c r="AO49" s="89">
        <v>6.282363792783846E-2</v>
      </c>
      <c r="AP49" s="93">
        <v>0.86094190975900875</v>
      </c>
      <c r="AQ49" s="89">
        <v>7.2882046704618716E-2</v>
      </c>
      <c r="AR49" s="93">
        <v>7.7800901305198119E-3</v>
      </c>
      <c r="AS49" s="89">
        <v>3.3254689925975613E-2</v>
      </c>
      <c r="AT49" s="78">
        <v>93</v>
      </c>
      <c r="AU49" s="79">
        <v>5.53715901021575</v>
      </c>
      <c r="AV49" s="80">
        <v>0.29251454669178173</v>
      </c>
      <c r="AW49" s="93">
        <v>0.10159789341780359</v>
      </c>
      <c r="AX49" s="89">
        <v>6.5518238533188305E-2</v>
      </c>
      <c r="AY49" s="93">
        <v>4.9724995795952527E-2</v>
      </c>
      <c r="AZ49" s="89">
        <v>5.1223825913922084E-2</v>
      </c>
      <c r="BA49" s="93">
        <v>0.83310482868943625</v>
      </c>
      <c r="BB49" s="89">
        <v>7.8123278505291063E-2</v>
      </c>
      <c r="BC49" s="93">
        <v>1.5572282096808023E-2</v>
      </c>
      <c r="BD49" s="89">
        <v>3.76007095698426E-2</v>
      </c>
    </row>
    <row r="50" spans="1:56">
      <c r="A50" s="44" t="s">
        <v>543</v>
      </c>
      <c r="B50" s="99">
        <v>77</v>
      </c>
      <c r="C50" s="100">
        <v>5.8478432265350762</v>
      </c>
      <c r="D50" s="101">
        <v>0.29160383548266905</v>
      </c>
      <c r="E50" s="91">
        <v>6.8350393515687766E-2</v>
      </c>
      <c r="F50" s="92">
        <v>6.3489614575415729E-2</v>
      </c>
      <c r="G50" s="91">
        <v>7.8739618849639315E-2</v>
      </c>
      <c r="H50" s="92">
        <v>6.6530925249115816E-2</v>
      </c>
      <c r="I50" s="91">
        <v>0.85290998763467318</v>
      </c>
      <c r="J50" s="92">
        <v>8.2387702433861204E-2</v>
      </c>
      <c r="K50" s="91">
        <v>0</v>
      </c>
      <c r="L50" s="92">
        <v>3.4485061975244265E-2</v>
      </c>
      <c r="M50" s="90">
        <v>77</v>
      </c>
      <c r="N50" s="100">
        <v>5.0983100533482117</v>
      </c>
      <c r="O50" s="101">
        <v>0.32932376585630935</v>
      </c>
      <c r="P50" s="91">
        <v>0.11875156934213985</v>
      </c>
      <c r="Q50" s="92">
        <v>7.65460457755959E-2</v>
      </c>
      <c r="R50" s="91">
        <v>0.16887654007259759</v>
      </c>
      <c r="S50" s="92">
        <v>8.632948278869032E-2</v>
      </c>
      <c r="T50" s="91">
        <v>0.64310655237455938</v>
      </c>
      <c r="U50" s="92">
        <v>0.10691943142626231</v>
      </c>
      <c r="V50" s="91">
        <v>6.9265338210703339E-2</v>
      </c>
      <c r="W50" s="92">
        <v>6.3766311313096499E-2</v>
      </c>
      <c r="X50" s="99">
        <v>77</v>
      </c>
      <c r="Y50" s="100">
        <v>5.7770936935022164</v>
      </c>
      <c r="Z50" s="101">
        <v>0.2959568053314699</v>
      </c>
      <c r="AA50" s="91">
        <v>5.0561543495234895E-2</v>
      </c>
      <c r="AB50" s="92">
        <v>5.7719027617799457E-2</v>
      </c>
      <c r="AC50" s="91">
        <v>0.11444680236166549</v>
      </c>
      <c r="AD50" s="92">
        <v>7.5577718879799097E-2</v>
      </c>
      <c r="AE50" s="91">
        <v>0.83499165414309984</v>
      </c>
      <c r="AF50" s="92">
        <v>8.5660923817499943E-2</v>
      </c>
      <c r="AG50" s="91">
        <v>0</v>
      </c>
      <c r="AH50" s="92">
        <v>3.4485061975244265E-2</v>
      </c>
      <c r="AI50" s="90">
        <v>76</v>
      </c>
      <c r="AJ50" s="100">
        <v>5.3121883381752166</v>
      </c>
      <c r="AK50" s="101">
        <v>0.3269117739355672</v>
      </c>
      <c r="AL50" s="91">
        <v>0.11573737184109036</v>
      </c>
      <c r="AM50" s="92">
        <v>7.6399890353935657E-2</v>
      </c>
      <c r="AN50" s="91">
        <v>9.8965103285095529E-2</v>
      </c>
      <c r="AO50" s="92">
        <v>7.240574493236758E-2</v>
      </c>
      <c r="AP50" s="91">
        <v>0.74518093913638461</v>
      </c>
      <c r="AQ50" s="92">
        <v>9.8931135681212853E-2</v>
      </c>
      <c r="AR50" s="91">
        <v>4.0116585737429704E-2</v>
      </c>
      <c r="AS50" s="92">
        <v>5.4372690236366157E-2</v>
      </c>
      <c r="AT50" s="99">
        <v>77</v>
      </c>
      <c r="AU50" s="100">
        <v>5.6613837467265506</v>
      </c>
      <c r="AV50" s="101">
        <v>0.32131471985469678</v>
      </c>
      <c r="AW50" s="91">
        <v>0.1092924308895787</v>
      </c>
      <c r="AX50" s="92">
        <v>7.4387079040989082E-2</v>
      </c>
      <c r="AY50" s="91">
        <v>5.1297992781228013E-2</v>
      </c>
      <c r="AZ50" s="92">
        <v>5.7974160071686862E-2</v>
      </c>
      <c r="BA50" s="91">
        <v>0.83940957632919355</v>
      </c>
      <c r="BB50" s="92">
        <v>8.4881289574103E-2</v>
      </c>
      <c r="BC50" s="91">
        <v>0</v>
      </c>
      <c r="BD50" s="92">
        <v>3.4485061975244265E-2</v>
      </c>
    </row>
    <row r="51" spans="1:56">
      <c r="A51" s="52" t="s">
        <v>544</v>
      </c>
      <c r="B51" s="95">
        <v>57</v>
      </c>
      <c r="C51" s="96">
        <v>6.0961257582929038</v>
      </c>
      <c r="D51" s="97">
        <v>0.35590026692881238</v>
      </c>
      <c r="E51" s="88">
        <v>5.6786910097782056E-2</v>
      </c>
      <c r="F51" s="89">
        <v>7.1737147760875836E-2</v>
      </c>
      <c r="G51" s="88">
        <v>6.6366855858322776E-2</v>
      </c>
      <c r="H51" s="89">
        <v>7.5014504297340315E-2</v>
      </c>
      <c r="I51" s="88">
        <v>0.85538791868989972</v>
      </c>
      <c r="J51" s="89">
        <v>9.5718286965930474E-2</v>
      </c>
      <c r="K51" s="88">
        <v>2.1458315353995106E-2</v>
      </c>
      <c r="L51" s="89">
        <v>5.7286300458492208E-2</v>
      </c>
      <c r="M51" s="87">
        <v>56</v>
      </c>
      <c r="N51" s="96">
        <v>5.6950888577685017</v>
      </c>
      <c r="O51" s="97">
        <v>0.37681379534676862</v>
      </c>
      <c r="P51" s="88">
        <v>0.13650377819805126</v>
      </c>
      <c r="Q51" s="89">
        <v>9.4833370217058038E-2</v>
      </c>
      <c r="R51" s="88">
        <v>7.614338017191194E-2</v>
      </c>
      <c r="S51" s="89">
        <v>7.8951895156612356E-2</v>
      </c>
      <c r="T51" s="88">
        <v>0.7873528416300366</v>
      </c>
      <c r="U51" s="89">
        <v>0.10895592789448476</v>
      </c>
      <c r="V51" s="88">
        <v>0</v>
      </c>
      <c r="W51" s="89">
        <v>4.6348119143587135E-2</v>
      </c>
      <c r="X51" s="95">
        <v>57</v>
      </c>
      <c r="Y51" s="96">
        <v>6.0575378339465846</v>
      </c>
      <c r="Z51" s="97">
        <v>0.38291169169452582</v>
      </c>
      <c r="AA51" s="88">
        <v>5.8553186071260296E-2</v>
      </c>
      <c r="AB51" s="89">
        <v>7.2358024902479487E-2</v>
      </c>
      <c r="AC51" s="88">
        <v>4.4274326651338541E-2</v>
      </c>
      <c r="AD51" s="89">
        <v>6.709844578405505E-2</v>
      </c>
      <c r="AE51" s="88">
        <v>0.87571417192340573</v>
      </c>
      <c r="AF51" s="89">
        <v>9.1165429081599386E-2</v>
      </c>
      <c r="AG51" s="88">
        <v>2.1458315353995106E-2</v>
      </c>
      <c r="AH51" s="89">
        <v>5.7286300458492208E-2</v>
      </c>
      <c r="AI51" s="87">
        <v>56</v>
      </c>
      <c r="AJ51" s="96">
        <v>4.6611833515644348</v>
      </c>
      <c r="AK51" s="97">
        <v>0.4360403777350762</v>
      </c>
      <c r="AL51" s="88">
        <v>0.22295500774974264</v>
      </c>
      <c r="AM51" s="89">
        <v>0.11049549032491611</v>
      </c>
      <c r="AN51" s="88">
        <v>0.19253649346826771</v>
      </c>
      <c r="AO51" s="89">
        <v>0.10571992861874167</v>
      </c>
      <c r="AP51" s="88">
        <v>0.56136459849571541</v>
      </c>
      <c r="AQ51" s="89">
        <v>0.12824968664010361</v>
      </c>
      <c r="AR51" s="88">
        <v>2.3143900286274187E-2</v>
      </c>
      <c r="AS51" s="89">
        <v>5.8831130566253116E-2</v>
      </c>
      <c r="AT51" s="95">
        <v>56</v>
      </c>
      <c r="AU51" s="96">
        <v>5.8624979893219429</v>
      </c>
      <c r="AV51" s="97">
        <v>0.38018307577401345</v>
      </c>
      <c r="AW51" s="88">
        <v>5.9834794134826848E-2</v>
      </c>
      <c r="AX51" s="89">
        <v>7.3587237103849429E-2</v>
      </c>
      <c r="AY51" s="88">
        <v>0.13018212294711706</v>
      </c>
      <c r="AZ51" s="89">
        <v>9.3403162149931135E-2</v>
      </c>
      <c r="BA51" s="88">
        <v>0.78810732767976732</v>
      </c>
      <c r="BB51" s="89">
        <v>0.10884015718133633</v>
      </c>
      <c r="BC51" s="88">
        <v>2.1875755238288462E-2</v>
      </c>
      <c r="BD51" s="89">
        <v>5.8230328073377371E-2</v>
      </c>
    </row>
    <row r="52" spans="1:56">
      <c r="A52" s="44" t="s">
        <v>545</v>
      </c>
      <c r="B52" s="99">
        <v>639</v>
      </c>
      <c r="C52" s="100">
        <v>5.8729662611653968</v>
      </c>
      <c r="D52" s="101">
        <v>9.9842104043266669E-2</v>
      </c>
      <c r="E52" s="91">
        <v>6.045740016499028E-2</v>
      </c>
      <c r="F52" s="92">
        <v>1.9190220788059806E-2</v>
      </c>
      <c r="G52" s="91">
        <v>7.8764945187684426E-2</v>
      </c>
      <c r="H52" s="92">
        <v>2.1565741040336043E-2</v>
      </c>
      <c r="I52" s="91">
        <v>0.86077765464732525</v>
      </c>
      <c r="J52" s="92">
        <v>2.7487179229589164E-2</v>
      </c>
      <c r="K52" s="91">
        <v>0</v>
      </c>
      <c r="L52" s="92">
        <v>4.3919516343269771E-3</v>
      </c>
      <c r="M52" s="90">
        <v>638</v>
      </c>
      <c r="N52" s="100">
        <v>5.1230695657934069</v>
      </c>
      <c r="O52" s="101">
        <v>0.10903956837249806</v>
      </c>
      <c r="P52" s="91">
        <v>0.12348759718843709</v>
      </c>
      <c r="Q52" s="92">
        <v>2.6179277311950386E-2</v>
      </c>
      <c r="R52" s="91">
        <v>0.14545213727845449</v>
      </c>
      <c r="S52" s="92">
        <v>2.8002819237260619E-2</v>
      </c>
      <c r="T52" s="91">
        <v>0.68566497022512618</v>
      </c>
      <c r="U52" s="92">
        <v>3.6681395951185226E-2</v>
      </c>
      <c r="V52" s="91">
        <v>4.5395295307984612E-2</v>
      </c>
      <c r="W52" s="92">
        <v>1.6911315327991762E-2</v>
      </c>
      <c r="X52" s="99">
        <v>635</v>
      </c>
      <c r="Y52" s="100">
        <v>5.6830655163880577</v>
      </c>
      <c r="Z52" s="101">
        <v>0.10982593704060797</v>
      </c>
      <c r="AA52" s="91">
        <v>0.10125549411259083</v>
      </c>
      <c r="AB52" s="92">
        <v>2.4126319082670052E-2</v>
      </c>
      <c r="AC52" s="91">
        <v>8.2558544500087497E-2</v>
      </c>
      <c r="AD52" s="92">
        <v>2.2084973028700435E-2</v>
      </c>
      <c r="AE52" s="91">
        <v>0.81398207843073678</v>
      </c>
      <c r="AF52" s="92">
        <v>3.0911619099891461E-2</v>
      </c>
      <c r="AG52" s="91">
        <v>2.2038829565848065E-3</v>
      </c>
      <c r="AH52" s="92">
        <v>5.7554086554775143E-3</v>
      </c>
      <c r="AI52" s="90">
        <v>634</v>
      </c>
      <c r="AJ52" s="100">
        <v>5.3919818518561113</v>
      </c>
      <c r="AK52" s="101">
        <v>0.12230844027021089</v>
      </c>
      <c r="AL52" s="91">
        <v>0.11979861425411294</v>
      </c>
      <c r="AM52" s="92">
        <v>2.5931402416718739E-2</v>
      </c>
      <c r="AN52" s="91">
        <v>0.11232277315358524</v>
      </c>
      <c r="AO52" s="92">
        <v>2.5236811910316157E-2</v>
      </c>
      <c r="AP52" s="91">
        <v>0.74201620129019408</v>
      </c>
      <c r="AQ52" s="92">
        <v>3.4709750298209878E-2</v>
      </c>
      <c r="AR52" s="91">
        <v>2.5862411302108673E-2</v>
      </c>
      <c r="AS52" s="92">
        <v>1.3250326791247163E-2</v>
      </c>
      <c r="AT52" s="99">
        <v>632</v>
      </c>
      <c r="AU52" s="100">
        <v>5.6181231722397502</v>
      </c>
      <c r="AV52" s="101">
        <v>0.11026091969318984</v>
      </c>
      <c r="AW52" s="91">
        <v>8.592072412782896E-2</v>
      </c>
      <c r="AX52" s="92">
        <v>2.2527177343673484E-2</v>
      </c>
      <c r="AY52" s="91">
        <v>9.1765464670020905E-2</v>
      </c>
      <c r="AZ52" s="92">
        <v>2.3180216412011827E-2</v>
      </c>
      <c r="BA52" s="91">
        <v>0.81768635577058546</v>
      </c>
      <c r="BB52" s="92">
        <v>3.0749636120697338E-2</v>
      </c>
      <c r="BC52" s="91">
        <v>4.6274554315652904E-3</v>
      </c>
      <c r="BD52" s="92">
        <v>6.9513366363253178E-3</v>
      </c>
    </row>
    <row r="53" spans="1:56">
      <c r="A53" s="52" t="s">
        <v>546</v>
      </c>
      <c r="B53" s="95">
        <v>67</v>
      </c>
      <c r="C53" s="96">
        <v>5.5962033276703238</v>
      </c>
      <c r="D53" s="97">
        <v>0.32571595929457003</v>
      </c>
      <c r="E53" s="88">
        <v>5.866151795377194E-2</v>
      </c>
      <c r="F53" s="89">
        <v>6.5670591646811688E-2</v>
      </c>
      <c r="G53" s="88">
        <v>0.12507085749482602</v>
      </c>
      <c r="H53" s="89">
        <v>8.3858045639614687E-2</v>
      </c>
      <c r="I53" s="88">
        <v>0.81626762455140234</v>
      </c>
      <c r="J53" s="89">
        <v>9.5217396486410477E-2</v>
      </c>
      <c r="K53" s="88">
        <v>0</v>
      </c>
      <c r="L53" s="89">
        <v>3.9271909274046654E-2</v>
      </c>
      <c r="M53" s="87">
        <v>67</v>
      </c>
      <c r="N53" s="96">
        <v>5.1712696878934477</v>
      </c>
      <c r="O53" s="97">
        <v>0.36435030935762103</v>
      </c>
      <c r="P53" s="88">
        <v>0.12562267243767805</v>
      </c>
      <c r="Q53" s="89">
        <v>8.3981638344427706E-2</v>
      </c>
      <c r="R53" s="88">
        <v>0.17124667928533122</v>
      </c>
      <c r="S53" s="89">
        <v>9.3071561718390011E-2</v>
      </c>
      <c r="T53" s="88">
        <v>0.64606864188721302</v>
      </c>
      <c r="U53" s="89">
        <v>0.11407936292864349</v>
      </c>
      <c r="V53" s="88">
        <v>5.7062006389778271E-2</v>
      </c>
      <c r="W53" s="89">
        <v>6.5128083001911627E-2</v>
      </c>
      <c r="X53" s="95">
        <v>67</v>
      </c>
      <c r="Y53" s="96">
        <v>5.4671084288782543</v>
      </c>
      <c r="Z53" s="97">
        <v>0.3378697557297497</v>
      </c>
      <c r="AA53" s="88">
        <v>9.6354708759969571E-2</v>
      </c>
      <c r="AB53" s="89">
        <v>7.6879859005958673E-2</v>
      </c>
      <c r="AC53" s="88">
        <v>0.11004544542737066</v>
      </c>
      <c r="AD53" s="89">
        <v>8.034672428656571E-2</v>
      </c>
      <c r="AE53" s="88">
        <v>0.79359984581266008</v>
      </c>
      <c r="AF53" s="89">
        <v>9.8792229064956522E-2</v>
      </c>
      <c r="AG53" s="88">
        <v>0</v>
      </c>
      <c r="AH53" s="89">
        <v>3.9271909274046654E-2</v>
      </c>
      <c r="AI53" s="87">
        <v>67</v>
      </c>
      <c r="AJ53" s="96">
        <v>4.7478597054844061</v>
      </c>
      <c r="AK53" s="97">
        <v>0.36458419210944215</v>
      </c>
      <c r="AL53" s="88">
        <v>0.2272312326341023</v>
      </c>
      <c r="AM53" s="89">
        <v>0.10174379897333208</v>
      </c>
      <c r="AN53" s="88">
        <v>0.17485641175692815</v>
      </c>
      <c r="AO53" s="89">
        <v>9.3705570318026843E-2</v>
      </c>
      <c r="AP53" s="88">
        <v>0.56361936650780586</v>
      </c>
      <c r="AQ53" s="89">
        <v>0.11781957501128154</v>
      </c>
      <c r="AR53" s="88">
        <v>3.4292989101164018E-2</v>
      </c>
      <c r="AS53" s="89">
        <v>5.6601459414668757E-2</v>
      </c>
      <c r="AT53" s="95">
        <v>66</v>
      </c>
      <c r="AU53" s="96">
        <v>5.6161188371328379</v>
      </c>
      <c r="AV53" s="97">
        <v>0.35193872879826904</v>
      </c>
      <c r="AW53" s="88">
        <v>7.2443936754490915E-2</v>
      </c>
      <c r="AX53" s="89">
        <v>7.0706963997654554E-2</v>
      </c>
      <c r="AY53" s="88">
        <v>0.11629125949707873</v>
      </c>
      <c r="AZ53" s="89">
        <v>8.2501395081269219E-2</v>
      </c>
      <c r="BA53" s="88">
        <v>0.81126480374843057</v>
      </c>
      <c r="BB53" s="89">
        <v>9.6767916930018127E-2</v>
      </c>
      <c r="BC53" s="88">
        <v>0</v>
      </c>
      <c r="BD53" s="89">
        <v>3.9824688710695409E-2</v>
      </c>
    </row>
    <row r="54" spans="1:56">
      <c r="A54" s="44" t="s">
        <v>547</v>
      </c>
      <c r="B54" s="99">
        <v>147</v>
      </c>
      <c r="C54" s="100">
        <v>5.9439648945664931</v>
      </c>
      <c r="D54" s="101">
        <v>0.16734292028059192</v>
      </c>
      <c r="E54" s="91">
        <v>1.8246306590939724E-3</v>
      </c>
      <c r="F54" s="92">
        <v>1.9797443713643181E-2</v>
      </c>
      <c r="G54" s="91">
        <v>6.7399593228144566E-2</v>
      </c>
      <c r="H54" s="92">
        <v>4.3866272454338044E-2</v>
      </c>
      <c r="I54" s="91">
        <v>0.93077577611276197</v>
      </c>
      <c r="J54" s="92">
        <v>4.431477364915954E-2</v>
      </c>
      <c r="K54" s="91">
        <v>0</v>
      </c>
      <c r="L54" s="92">
        <v>1.8606843582156651E-2</v>
      </c>
      <c r="M54" s="90">
        <v>146</v>
      </c>
      <c r="N54" s="100">
        <v>5.2370665968536372</v>
      </c>
      <c r="O54" s="101">
        <v>0.22896099232665548</v>
      </c>
      <c r="P54" s="91">
        <v>0.11540724440062297</v>
      </c>
      <c r="Q54" s="92">
        <v>5.4128698186338316E-2</v>
      </c>
      <c r="R54" s="91">
        <v>0.14878978961635025</v>
      </c>
      <c r="S54" s="92">
        <v>5.9585740170459103E-2</v>
      </c>
      <c r="T54" s="91">
        <v>0.67211766229625769</v>
      </c>
      <c r="U54" s="92">
        <v>7.6930170380596255E-2</v>
      </c>
      <c r="V54" s="91">
        <v>6.3685303686770042E-2</v>
      </c>
      <c r="W54" s="92">
        <v>4.3095925649610976E-2</v>
      </c>
      <c r="X54" s="99">
        <v>147</v>
      </c>
      <c r="Y54" s="100">
        <v>5.9000759048164975</v>
      </c>
      <c r="Z54" s="101">
        <v>0.20082629916251515</v>
      </c>
      <c r="AA54" s="91">
        <v>6.5830416527119601E-2</v>
      </c>
      <c r="AB54" s="92">
        <v>4.3475324985273164E-2</v>
      </c>
      <c r="AC54" s="91">
        <v>7.2647733570896961E-2</v>
      </c>
      <c r="AD54" s="92">
        <v>4.5139267665726679E-2</v>
      </c>
      <c r="AE54" s="91">
        <v>0.86152184990198455</v>
      </c>
      <c r="AF54" s="92">
        <v>5.780410811252383E-2</v>
      </c>
      <c r="AG54" s="91">
        <v>0</v>
      </c>
      <c r="AH54" s="92">
        <v>1.8606843582156651E-2</v>
      </c>
      <c r="AI54" s="90">
        <v>147</v>
      </c>
      <c r="AJ54" s="100">
        <v>5.3319387777332308</v>
      </c>
      <c r="AK54" s="101">
        <v>0.23502475802035785</v>
      </c>
      <c r="AL54" s="91">
        <v>8.475825725280417E-2</v>
      </c>
      <c r="AM54" s="92">
        <v>4.7892937049791307E-2</v>
      </c>
      <c r="AN54" s="91">
        <v>0.11106876723679461</v>
      </c>
      <c r="AO54" s="92">
        <v>5.3149924296518637E-2</v>
      </c>
      <c r="AP54" s="91">
        <v>0.75244457634353012</v>
      </c>
      <c r="AQ54" s="92">
        <v>7.0870341104373888E-2</v>
      </c>
      <c r="AR54" s="91">
        <v>5.1728399166872531E-2</v>
      </c>
      <c r="AS54" s="92">
        <v>3.9720141416524676E-2</v>
      </c>
      <c r="AT54" s="99">
        <v>146</v>
      </c>
      <c r="AU54" s="100">
        <v>5.6797575921660348</v>
      </c>
      <c r="AV54" s="101">
        <v>0.21560310724364209</v>
      </c>
      <c r="AW54" s="91">
        <v>4.2698807585315433E-2</v>
      </c>
      <c r="AX54" s="92">
        <v>3.719505667631217E-2</v>
      </c>
      <c r="AY54" s="91">
        <v>0.11363104560576696</v>
      </c>
      <c r="AZ54" s="92">
        <v>5.3808184606767229E-2</v>
      </c>
      <c r="BA54" s="91">
        <v>0.84367014680891872</v>
      </c>
      <c r="BB54" s="92">
        <v>6.068629656903602E-2</v>
      </c>
      <c r="BC54" s="91">
        <v>0</v>
      </c>
      <c r="BD54" s="92">
        <v>1.8730051116182648E-2</v>
      </c>
    </row>
    <row r="55" spans="1:56">
      <c r="A55" s="52" t="s">
        <v>548</v>
      </c>
      <c r="B55" s="95">
        <v>164</v>
      </c>
      <c r="C55" s="96">
        <v>6.0767333088551094</v>
      </c>
      <c r="D55" s="97">
        <v>0.19198783247273415</v>
      </c>
      <c r="E55" s="88">
        <v>6.7112195989733822E-2</v>
      </c>
      <c r="F55" s="89">
        <v>4.123837192549866E-2</v>
      </c>
      <c r="G55" s="88">
        <v>8.1435650060832643E-2</v>
      </c>
      <c r="H55" s="89">
        <v>4.4467012808113528E-2</v>
      </c>
      <c r="I55" s="88">
        <v>0.85145215394943363</v>
      </c>
      <c r="J55" s="89">
        <v>5.6123418521478313E-2</v>
      </c>
      <c r="K55" s="88">
        <v>0</v>
      </c>
      <c r="L55" s="89">
        <v>1.6735362153203526E-2</v>
      </c>
      <c r="M55" s="87">
        <v>164</v>
      </c>
      <c r="N55" s="96">
        <v>5.3099786630173123</v>
      </c>
      <c r="O55" s="97">
        <v>0.19753772094234712</v>
      </c>
      <c r="P55" s="94">
        <v>8.4901045078080009E-2</v>
      </c>
      <c r="Q55" s="89">
        <v>4.5198050910032379E-2</v>
      </c>
      <c r="R55" s="88">
        <v>0.14953793145720679</v>
      </c>
      <c r="S55" s="89">
        <v>5.6263719252201382E-2</v>
      </c>
      <c r="T55" s="88">
        <v>0.70640576762360341</v>
      </c>
      <c r="U55" s="89">
        <v>7.060979934308162E-2</v>
      </c>
      <c r="V55" s="88">
        <v>5.9155255841110012E-2</v>
      </c>
      <c r="W55" s="89">
        <v>3.9279286788040504E-2</v>
      </c>
      <c r="X55" s="95">
        <v>163</v>
      </c>
      <c r="Y55" s="96">
        <v>5.7296152388165833</v>
      </c>
      <c r="Z55" s="97">
        <v>0.2259047901083798</v>
      </c>
      <c r="AA55" s="88">
        <v>9.7240350571010256E-2</v>
      </c>
      <c r="AB55" s="89">
        <v>4.7817616548197071E-2</v>
      </c>
      <c r="AC55" s="88">
        <v>0.10872742377859831</v>
      </c>
      <c r="AD55" s="89">
        <v>4.9946509296844938E-2</v>
      </c>
      <c r="AE55" s="88">
        <v>0.79403222565039155</v>
      </c>
      <c r="AF55" s="89">
        <v>6.3366060411087985E-2</v>
      </c>
      <c r="AG55" s="88">
        <v>0</v>
      </c>
      <c r="AH55" s="89">
        <v>1.6834966591550982E-2</v>
      </c>
      <c r="AI55" s="87">
        <v>164</v>
      </c>
      <c r="AJ55" s="96">
        <v>5.694988152373929</v>
      </c>
      <c r="AK55" s="97">
        <v>0.22112976528895825</v>
      </c>
      <c r="AL55" s="94">
        <v>9.1420195075408342E-2</v>
      </c>
      <c r="AM55" s="89">
        <v>4.6526313592956017E-2</v>
      </c>
      <c r="AN55" s="88">
        <v>8.913197825327869E-2</v>
      </c>
      <c r="AO55" s="89">
        <v>4.606684117837033E-2</v>
      </c>
      <c r="AP55" s="88">
        <v>0.7799873097749972</v>
      </c>
      <c r="AQ55" s="89">
        <v>6.4604227505059189E-2</v>
      </c>
      <c r="AR55" s="88">
        <v>3.9460516896315981E-2</v>
      </c>
      <c r="AS55" s="89">
        <v>3.3764939254180032E-2</v>
      </c>
      <c r="AT55" s="95">
        <v>163</v>
      </c>
      <c r="AU55" s="96">
        <v>5.7726382314250602</v>
      </c>
      <c r="AV55" s="97">
        <v>0.20657881545604359</v>
      </c>
      <c r="AW55" s="88">
        <v>0.10074423828070912</v>
      </c>
      <c r="AX55" s="89">
        <v>4.8483483456283213E-2</v>
      </c>
      <c r="AY55" s="88">
        <v>5.1480860802745852E-2</v>
      </c>
      <c r="AZ55" s="89">
        <v>3.7385202700365508E-2</v>
      </c>
      <c r="BA55" s="88">
        <v>0.83960133369843215</v>
      </c>
      <c r="BB55" s="89">
        <v>5.7934407511203927E-2</v>
      </c>
      <c r="BC55" s="88">
        <v>8.1735672181128555E-3</v>
      </c>
      <c r="BD55" s="89">
        <v>2.1642542538419112E-2</v>
      </c>
    </row>
    <row r="56" spans="1:56">
      <c r="A56" s="44" t="s">
        <v>549</v>
      </c>
      <c r="B56" s="99">
        <v>72</v>
      </c>
      <c r="C56" s="100">
        <v>5.5148170226923909</v>
      </c>
      <c r="D56" s="101">
        <v>0.35928918019623951</v>
      </c>
      <c r="E56" s="91">
        <v>0.11304854698830268</v>
      </c>
      <c r="F56" s="92">
        <v>7.8006412474991849E-2</v>
      </c>
      <c r="G56" s="91">
        <v>9.1910836374962293E-2</v>
      </c>
      <c r="H56" s="92">
        <v>7.2740381780760838E-2</v>
      </c>
      <c r="I56" s="91">
        <v>0.79504061663673498</v>
      </c>
      <c r="J56" s="92">
        <v>9.5110171757379486E-2</v>
      </c>
      <c r="K56" s="91">
        <v>0</v>
      </c>
      <c r="L56" s="92">
        <v>3.6723195522334773E-2</v>
      </c>
      <c r="M56" s="90">
        <v>72</v>
      </c>
      <c r="N56" s="100">
        <v>4.8218321899606309</v>
      </c>
      <c r="O56" s="101">
        <v>0.34522364101961595</v>
      </c>
      <c r="P56" s="91">
        <v>0.17121806180095778</v>
      </c>
      <c r="Q56" s="92">
        <v>8.9731086179412792E-2</v>
      </c>
      <c r="R56" s="91">
        <v>0.11112733297112706</v>
      </c>
      <c r="S56" s="92">
        <v>7.7553801898234853E-2</v>
      </c>
      <c r="T56" s="91">
        <v>0.65774861717765531</v>
      </c>
      <c r="U56" s="92">
        <v>0.10946421564651569</v>
      </c>
      <c r="V56" s="91">
        <v>5.9905988050259686E-2</v>
      </c>
      <c r="W56" s="92">
        <v>6.3315583903823386E-2</v>
      </c>
      <c r="X56" s="99">
        <v>69</v>
      </c>
      <c r="Y56" s="100">
        <v>5.4046351427438228</v>
      </c>
      <c r="Z56" s="101">
        <v>0.3739691202159286</v>
      </c>
      <c r="AA56" s="91">
        <v>0.14300741155978769</v>
      </c>
      <c r="AB56" s="92">
        <v>8.6369731999371632E-2</v>
      </c>
      <c r="AC56" s="91">
        <v>0.11643572671343047</v>
      </c>
      <c r="AD56" s="92">
        <v>8.0600361834212986E-2</v>
      </c>
      <c r="AE56" s="91">
        <v>0.74055686172678181</v>
      </c>
      <c r="AF56" s="92">
        <v>0.10423900553059112</v>
      </c>
      <c r="AG56" s="91">
        <v>0</v>
      </c>
      <c r="AH56" s="92">
        <v>3.821112970151376E-2</v>
      </c>
      <c r="AI56" s="90">
        <v>71</v>
      </c>
      <c r="AJ56" s="100">
        <v>4.2887572913076228</v>
      </c>
      <c r="AK56" s="101">
        <v>0.36315139809642055</v>
      </c>
      <c r="AL56" s="91">
        <v>0.27514233269156657</v>
      </c>
      <c r="AM56" s="92">
        <v>0.10448307850813031</v>
      </c>
      <c r="AN56" s="91">
        <v>0.24384909252768555</v>
      </c>
      <c r="AO56" s="92">
        <v>0.10098153756171944</v>
      </c>
      <c r="AP56" s="91">
        <v>0.44782837837004019</v>
      </c>
      <c r="AQ56" s="92">
        <v>0.11490534384552036</v>
      </c>
      <c r="AR56" s="91">
        <v>3.3180196410707088E-2</v>
      </c>
      <c r="AS56" s="92">
        <v>5.4014459956483858E-2</v>
      </c>
      <c r="AT56" s="99">
        <v>72</v>
      </c>
      <c r="AU56" s="100">
        <v>4.9988540629221365</v>
      </c>
      <c r="AV56" s="101">
        <v>0.38637406747077457</v>
      </c>
      <c r="AW56" s="91">
        <v>0.12994679022994865</v>
      </c>
      <c r="AX56" s="92">
        <v>8.1787902804015891E-2</v>
      </c>
      <c r="AY56" s="91">
        <v>0.2362144757441805</v>
      </c>
      <c r="AZ56" s="92">
        <v>9.9352893795544406E-2</v>
      </c>
      <c r="BA56" s="91">
        <v>0.63383873402587088</v>
      </c>
      <c r="BB56" s="92">
        <v>0.11095829750378317</v>
      </c>
      <c r="BC56" s="91">
        <v>0</v>
      </c>
      <c r="BD56" s="92">
        <v>3.6723195522334773E-2</v>
      </c>
    </row>
    <row r="57" spans="1:56">
      <c r="A57" s="52" t="s">
        <v>550</v>
      </c>
      <c r="B57" s="95">
        <v>121</v>
      </c>
      <c r="C57" s="96">
        <v>5.9067306302274574</v>
      </c>
      <c r="D57" s="97">
        <v>0.22690216923564893</v>
      </c>
      <c r="E57" s="88">
        <v>6.7865820620089917E-2</v>
      </c>
      <c r="F57" s="89">
        <v>4.8996387144896118E-2</v>
      </c>
      <c r="G57" s="88">
        <v>8.3821815839921779E-2</v>
      </c>
      <c r="H57" s="89">
        <v>5.2976502512758879E-2</v>
      </c>
      <c r="I57" s="88">
        <v>0.84831236353998818</v>
      </c>
      <c r="J57" s="89">
        <v>6.6046974883662443E-2</v>
      </c>
      <c r="K57" s="88">
        <v>0</v>
      </c>
      <c r="L57" s="89">
        <v>2.2445667733440235E-2</v>
      </c>
      <c r="M57" s="87">
        <v>120</v>
      </c>
      <c r="N57" s="96">
        <v>4.8470541059291969</v>
      </c>
      <c r="O57" s="97">
        <v>0.2565248551163361</v>
      </c>
      <c r="P57" s="94">
        <v>0.16978190253997633</v>
      </c>
      <c r="Q57" s="89">
        <v>6.9066969619835827E-2</v>
      </c>
      <c r="R57" s="88">
        <v>0.15359689546395855</v>
      </c>
      <c r="S57" s="89">
        <v>6.6628881750239052E-2</v>
      </c>
      <c r="T57" s="88">
        <v>0.64485653030058454</v>
      </c>
      <c r="U57" s="89">
        <v>8.6200912973202259E-2</v>
      </c>
      <c r="V57" s="88">
        <v>3.1764671695479425E-2</v>
      </c>
      <c r="W57" s="89">
        <v>3.7961071096952764E-2</v>
      </c>
      <c r="X57" s="95">
        <v>120</v>
      </c>
      <c r="Y57" s="96">
        <v>5.7294435286896368</v>
      </c>
      <c r="Z57" s="97">
        <v>0.24179471928582272</v>
      </c>
      <c r="AA57" s="88">
        <v>0.10570492791549777</v>
      </c>
      <c r="AB57" s="89">
        <v>5.8032207601984222E-2</v>
      </c>
      <c r="AC57" s="88">
        <v>6.2422646809303844E-2</v>
      </c>
      <c r="AD57" s="89">
        <v>4.7749336398389866E-2</v>
      </c>
      <c r="AE57" s="88">
        <v>0.831872425275198</v>
      </c>
      <c r="AF57" s="89">
        <v>6.8827002859632058E-2</v>
      </c>
      <c r="AG57" s="88">
        <v>0</v>
      </c>
      <c r="AH57" s="89">
        <v>2.262519761202799E-2</v>
      </c>
      <c r="AI57" s="87">
        <v>117</v>
      </c>
      <c r="AJ57" s="96">
        <v>5.7413269216937648</v>
      </c>
      <c r="AK57" s="97">
        <v>0.24514159684331535</v>
      </c>
      <c r="AL57" s="94">
        <v>7.0364465563544684E-2</v>
      </c>
      <c r="AM57" s="89">
        <v>5.0588492494044131E-2</v>
      </c>
      <c r="AN57" s="88">
        <v>9.2950846363870993E-2</v>
      </c>
      <c r="AO57" s="89">
        <v>5.606506359673414E-2</v>
      </c>
      <c r="AP57" s="88">
        <v>0.83668468807258389</v>
      </c>
      <c r="AQ57" s="89">
        <v>6.8998548833856657E-2</v>
      </c>
      <c r="AR57" s="88">
        <v>0</v>
      </c>
      <c r="AS57" s="89">
        <v>2.3181440451602572E-2</v>
      </c>
      <c r="AT57" s="95">
        <v>116</v>
      </c>
      <c r="AU57" s="96">
        <v>5.6781753958146846</v>
      </c>
      <c r="AV57" s="97">
        <v>0.23592387308161203</v>
      </c>
      <c r="AW57" s="88">
        <v>4.8539901864728542E-2</v>
      </c>
      <c r="AX57" s="89">
        <v>4.4551492806519294E-2</v>
      </c>
      <c r="AY57" s="88">
        <v>9.8601437019986277E-2</v>
      </c>
      <c r="AZ57" s="89">
        <v>5.7573592792247934E-2</v>
      </c>
      <c r="BA57" s="88">
        <v>0.84386587329104157</v>
      </c>
      <c r="BB57" s="89">
        <v>6.8192813691454066E-2</v>
      </c>
      <c r="BC57" s="88">
        <v>8.9927878242433545E-3</v>
      </c>
      <c r="BD57" s="89">
        <v>2.8703414879018251E-2</v>
      </c>
    </row>
    <row r="58" spans="1:56">
      <c r="A58" s="44" t="s">
        <v>551</v>
      </c>
      <c r="B58" s="99">
        <v>68</v>
      </c>
      <c r="C58" s="100">
        <v>5.6315188993244805</v>
      </c>
      <c r="D58" s="101">
        <v>0.31480200873699876</v>
      </c>
      <c r="E58" s="91">
        <v>7.8403164173014656E-2</v>
      </c>
      <c r="F58" s="92">
        <v>7.1280680370129718E-2</v>
      </c>
      <c r="G58" s="91">
        <v>3.9077165615758636E-2</v>
      </c>
      <c r="H58" s="92">
        <v>5.7975076646238015E-2</v>
      </c>
      <c r="I58" s="91">
        <v>0.88251967021122624</v>
      </c>
      <c r="J58" s="92">
        <v>8.1474268251356285E-2</v>
      </c>
      <c r="K58" s="91">
        <v>0</v>
      </c>
      <c r="L58" s="92">
        <v>3.8734260487688681E-2</v>
      </c>
      <c r="M58" s="90">
        <v>69</v>
      </c>
      <c r="N58" s="100">
        <v>5.2480580170937818</v>
      </c>
      <c r="O58" s="101">
        <v>0.31109364024236552</v>
      </c>
      <c r="P58" s="91">
        <v>0.10083240888101899</v>
      </c>
      <c r="Q58" s="92">
        <v>7.6801892601464514E-2</v>
      </c>
      <c r="R58" s="91">
        <v>0.11935364742957563</v>
      </c>
      <c r="S58" s="92">
        <v>8.1274728551321326E-2</v>
      </c>
      <c r="T58" s="91">
        <v>0.77981394368940504</v>
      </c>
      <c r="U58" s="92">
        <v>9.9326345951578104E-2</v>
      </c>
      <c r="V58" s="91">
        <v>0</v>
      </c>
      <c r="W58" s="92">
        <v>3.821112970151376E-2</v>
      </c>
      <c r="X58" s="99">
        <v>69</v>
      </c>
      <c r="Y58" s="100">
        <v>5.4966419792130576</v>
      </c>
      <c r="Z58" s="101">
        <v>0.33731562567985213</v>
      </c>
      <c r="AA58" s="91">
        <v>0.12721723606457255</v>
      </c>
      <c r="AB58" s="92">
        <v>8.3039858399853603E-2</v>
      </c>
      <c r="AC58" s="91">
        <v>3.7888740753587016E-2</v>
      </c>
      <c r="AD58" s="92">
        <v>5.6961613352701293E-2</v>
      </c>
      <c r="AE58" s="91">
        <v>0.81750630977664751</v>
      </c>
      <c r="AF58" s="92">
        <v>9.3613828133966598E-2</v>
      </c>
      <c r="AG58" s="91">
        <v>1.7387713405192712E-2</v>
      </c>
      <c r="AH58" s="92">
        <v>4.7921716158053858E-2</v>
      </c>
      <c r="AI58" s="90">
        <v>68</v>
      </c>
      <c r="AJ58" s="100">
        <v>5.1543215555058968</v>
      </c>
      <c r="AK58" s="101">
        <v>0.38553606461555329</v>
      </c>
      <c r="AL58" s="91">
        <v>0.16649842382104604</v>
      </c>
      <c r="AM58" s="92">
        <v>9.1527640476768368E-2</v>
      </c>
      <c r="AN58" s="91">
        <v>8.5202102598153584E-2</v>
      </c>
      <c r="AO58" s="92">
        <v>7.3230663194270046E-2</v>
      </c>
      <c r="AP58" s="91">
        <v>0.74829947358080007</v>
      </c>
      <c r="AQ58" s="92">
        <v>0.10408526888867961</v>
      </c>
      <c r="AR58" s="91">
        <v>0</v>
      </c>
      <c r="AS58" s="92">
        <v>3.8734260487688681E-2</v>
      </c>
      <c r="AT58" s="99">
        <v>69</v>
      </c>
      <c r="AU58" s="100">
        <v>5.4436588514427644</v>
      </c>
      <c r="AV58" s="101">
        <v>0.34003307422589862</v>
      </c>
      <c r="AW58" s="91">
        <v>0.16412796134467744</v>
      </c>
      <c r="AX58" s="92">
        <v>9.0421845762092015E-2</v>
      </c>
      <c r="AY58" s="91">
        <v>3.8866756227069137E-2</v>
      </c>
      <c r="AZ58" s="92">
        <v>5.7348307966689382E-2</v>
      </c>
      <c r="BA58" s="91">
        <v>0.79700528242825319</v>
      </c>
      <c r="BB58" s="92">
        <v>9.6851841149922555E-2</v>
      </c>
      <c r="BC58" s="91">
        <v>0</v>
      </c>
      <c r="BD58" s="92">
        <v>3.821112970151376E-2</v>
      </c>
    </row>
    <row r="61" spans="1:56" ht="21" customHeight="1">
      <c r="A61" s="284" t="s">
        <v>33</v>
      </c>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4"/>
      <c r="AK61" s="284"/>
      <c r="AL61" s="284"/>
      <c r="AM61" s="284"/>
      <c r="AN61" s="284"/>
      <c r="AO61" s="284"/>
      <c r="AP61" s="284"/>
      <c r="AQ61" s="284"/>
      <c r="AR61" s="284"/>
      <c r="AS61" s="284"/>
    </row>
    <row r="62" spans="1:56" ht="73.5" customHeight="1">
      <c r="A62" s="362" t="s">
        <v>607</v>
      </c>
      <c r="B62" s="362"/>
      <c r="C62" s="362"/>
      <c r="D62" s="362"/>
      <c r="E62" s="362"/>
      <c r="F62" s="362"/>
      <c r="G62" s="362"/>
      <c r="H62" s="362"/>
      <c r="I62" s="362"/>
      <c r="J62" s="362"/>
      <c r="K62" s="362"/>
      <c r="L62" s="362"/>
      <c r="M62" s="362"/>
      <c r="N62" s="362"/>
      <c r="O62" s="362"/>
      <c r="P62" s="362"/>
      <c r="Q62" s="362"/>
      <c r="R62" s="362"/>
      <c r="S62" s="362"/>
      <c r="T62" s="362"/>
      <c r="U62" s="362"/>
      <c r="V62" s="362"/>
      <c r="W62" s="362"/>
      <c r="X62" s="362"/>
      <c r="Y62" s="362"/>
      <c r="Z62" s="362"/>
      <c r="AA62" s="362"/>
      <c r="AB62" s="362"/>
      <c r="AC62" s="362"/>
      <c r="AD62" s="362"/>
      <c r="AE62" s="362"/>
      <c r="AF62" s="362"/>
      <c r="AG62" s="362"/>
      <c r="AH62" s="362"/>
      <c r="AI62" s="362"/>
      <c r="AJ62" s="362"/>
      <c r="AK62" s="362"/>
      <c r="AL62" s="362"/>
      <c r="AM62" s="362"/>
      <c r="AN62" s="362"/>
      <c r="AO62" s="362"/>
      <c r="AP62" s="362"/>
      <c r="AQ62" s="362"/>
      <c r="AR62" s="362"/>
      <c r="AS62" s="362"/>
    </row>
    <row r="63" spans="1:56" ht="37.5" customHeight="1">
      <c r="A63" s="59"/>
      <c r="B63" s="368" t="s">
        <v>89</v>
      </c>
      <c r="C63" s="369"/>
      <c r="D63" s="369"/>
      <c r="E63" s="369"/>
      <c r="F63" s="369"/>
      <c r="G63" s="369"/>
      <c r="H63" s="369"/>
      <c r="I63" s="369"/>
      <c r="J63" s="369"/>
      <c r="K63" s="369"/>
      <c r="L63" s="370"/>
      <c r="M63" s="368" t="s">
        <v>90</v>
      </c>
      <c r="N63" s="369"/>
      <c r="O63" s="369"/>
      <c r="P63" s="369"/>
      <c r="Q63" s="369"/>
      <c r="R63" s="369"/>
      <c r="S63" s="369"/>
      <c r="T63" s="369"/>
      <c r="U63" s="369"/>
      <c r="V63" s="369"/>
      <c r="W63" s="370"/>
      <c r="X63" s="368" t="s">
        <v>91</v>
      </c>
      <c r="Y63" s="369"/>
      <c r="Z63" s="369"/>
      <c r="AA63" s="369"/>
      <c r="AB63" s="369"/>
      <c r="AC63" s="369"/>
      <c r="AD63" s="369"/>
      <c r="AE63" s="369"/>
      <c r="AF63" s="369"/>
      <c r="AG63" s="369"/>
      <c r="AH63" s="370"/>
      <c r="AI63" s="368" t="s">
        <v>527</v>
      </c>
      <c r="AJ63" s="369"/>
      <c r="AK63" s="369"/>
      <c r="AL63" s="369"/>
      <c r="AM63" s="369"/>
      <c r="AN63" s="369"/>
      <c r="AO63" s="369"/>
      <c r="AP63" s="369"/>
      <c r="AQ63" s="369"/>
      <c r="AR63" s="369"/>
      <c r="AS63" s="370"/>
    </row>
    <row r="64" spans="1:56" ht="72">
      <c r="A64" s="32" t="s">
        <v>71</v>
      </c>
      <c r="B64" s="33" t="s">
        <v>72</v>
      </c>
      <c r="C64" s="34" t="s">
        <v>589</v>
      </c>
      <c r="D64" s="35" t="s">
        <v>73</v>
      </c>
      <c r="E64" s="33" t="s">
        <v>162</v>
      </c>
      <c r="F64" s="84" t="s">
        <v>92</v>
      </c>
      <c r="G64" s="33" t="s">
        <v>163</v>
      </c>
      <c r="H64" s="84" t="s">
        <v>93</v>
      </c>
      <c r="I64" s="33" t="s">
        <v>164</v>
      </c>
      <c r="J64" s="84" t="s">
        <v>94</v>
      </c>
      <c r="K64" s="33" t="s">
        <v>301</v>
      </c>
      <c r="L64" s="84" t="s">
        <v>300</v>
      </c>
      <c r="M64" s="60" t="s">
        <v>72</v>
      </c>
      <c r="N64" s="61" t="s">
        <v>589</v>
      </c>
      <c r="O64" s="62" t="s">
        <v>73</v>
      </c>
      <c r="P64" s="60" t="s">
        <v>165</v>
      </c>
      <c r="Q64" s="83" t="s">
        <v>95</v>
      </c>
      <c r="R64" s="60" t="s">
        <v>166</v>
      </c>
      <c r="S64" s="83" t="s">
        <v>96</v>
      </c>
      <c r="T64" s="60" t="s">
        <v>167</v>
      </c>
      <c r="U64" s="83" t="s">
        <v>97</v>
      </c>
      <c r="V64" s="60" t="s">
        <v>301</v>
      </c>
      <c r="W64" s="83" t="s">
        <v>300</v>
      </c>
      <c r="X64" s="33" t="s">
        <v>72</v>
      </c>
      <c r="Y64" s="34" t="s">
        <v>589</v>
      </c>
      <c r="Z64" s="35" t="s">
        <v>73</v>
      </c>
      <c r="AA64" s="33" t="s">
        <v>168</v>
      </c>
      <c r="AB64" s="84" t="s">
        <v>98</v>
      </c>
      <c r="AC64" s="33" t="s">
        <v>169</v>
      </c>
      <c r="AD64" s="84" t="s">
        <v>99</v>
      </c>
      <c r="AE64" s="33" t="s">
        <v>170</v>
      </c>
      <c r="AF64" s="84" t="s">
        <v>100</v>
      </c>
      <c r="AG64" s="33" t="s">
        <v>301</v>
      </c>
      <c r="AH64" s="84" t="s">
        <v>300</v>
      </c>
      <c r="AI64" s="60" t="s">
        <v>72</v>
      </c>
      <c r="AJ64" s="61" t="s">
        <v>589</v>
      </c>
      <c r="AK64" s="62" t="s">
        <v>73</v>
      </c>
      <c r="AL64" s="60" t="s">
        <v>171</v>
      </c>
      <c r="AM64" s="83" t="s">
        <v>101</v>
      </c>
      <c r="AN64" s="60" t="s">
        <v>172</v>
      </c>
      <c r="AO64" s="83" t="s">
        <v>102</v>
      </c>
      <c r="AP64" s="60" t="s">
        <v>173</v>
      </c>
      <c r="AQ64" s="83" t="s">
        <v>103</v>
      </c>
      <c r="AR64" s="60" t="s">
        <v>301</v>
      </c>
      <c r="AS64" s="83" t="s">
        <v>300</v>
      </c>
    </row>
    <row r="65" spans="1:45" ht="93" customHeight="1">
      <c r="A65" s="36"/>
      <c r="B65" s="37" t="s">
        <v>74</v>
      </c>
      <c r="C65" s="38" t="s">
        <v>104</v>
      </c>
      <c r="D65" s="39" t="s">
        <v>76</v>
      </c>
      <c r="E65" s="37" t="s">
        <v>159</v>
      </c>
      <c r="F65" s="86" t="s">
        <v>88</v>
      </c>
      <c r="G65" s="37" t="s">
        <v>160</v>
      </c>
      <c r="H65" s="86" t="s">
        <v>88</v>
      </c>
      <c r="I65" s="37" t="s">
        <v>161</v>
      </c>
      <c r="J65" s="86" t="s">
        <v>88</v>
      </c>
      <c r="K65" s="37" t="s">
        <v>301</v>
      </c>
      <c r="L65" s="86" t="s">
        <v>88</v>
      </c>
      <c r="M65" s="63" t="s">
        <v>74</v>
      </c>
      <c r="N65" s="64" t="s">
        <v>104</v>
      </c>
      <c r="O65" s="65" t="s">
        <v>76</v>
      </c>
      <c r="P65" s="63" t="s">
        <v>159</v>
      </c>
      <c r="Q65" s="85" t="s">
        <v>88</v>
      </c>
      <c r="R65" s="63" t="s">
        <v>160</v>
      </c>
      <c r="S65" s="85" t="s">
        <v>88</v>
      </c>
      <c r="T65" s="63" t="s">
        <v>161</v>
      </c>
      <c r="U65" s="85" t="s">
        <v>88</v>
      </c>
      <c r="V65" s="63" t="s">
        <v>301</v>
      </c>
      <c r="W65" s="85" t="s">
        <v>88</v>
      </c>
      <c r="X65" s="37" t="s">
        <v>74</v>
      </c>
      <c r="Y65" s="38" t="s">
        <v>104</v>
      </c>
      <c r="Z65" s="39" t="s">
        <v>76</v>
      </c>
      <c r="AA65" s="37" t="s">
        <v>159</v>
      </c>
      <c r="AB65" s="86" t="s">
        <v>88</v>
      </c>
      <c r="AC65" s="37" t="s">
        <v>160</v>
      </c>
      <c r="AD65" s="86" t="s">
        <v>88</v>
      </c>
      <c r="AE65" s="37" t="s">
        <v>161</v>
      </c>
      <c r="AF65" s="86" t="s">
        <v>88</v>
      </c>
      <c r="AG65" s="37" t="s">
        <v>301</v>
      </c>
      <c r="AH65" s="86" t="s">
        <v>88</v>
      </c>
      <c r="AI65" s="63" t="s">
        <v>74</v>
      </c>
      <c r="AJ65" s="64" t="s">
        <v>104</v>
      </c>
      <c r="AK65" s="65" t="s">
        <v>76</v>
      </c>
      <c r="AL65" s="63" t="s">
        <v>159</v>
      </c>
      <c r="AM65" s="85" t="s">
        <v>88</v>
      </c>
      <c r="AN65" s="63" t="s">
        <v>160</v>
      </c>
      <c r="AO65" s="85" t="s">
        <v>88</v>
      </c>
      <c r="AP65" s="63" t="s">
        <v>161</v>
      </c>
      <c r="AQ65" s="85" t="s">
        <v>88</v>
      </c>
      <c r="AR65" s="63" t="s">
        <v>301</v>
      </c>
      <c r="AS65" s="85" t="s">
        <v>88</v>
      </c>
    </row>
    <row r="66" spans="1:45">
      <c r="A66" s="40" t="s">
        <v>349</v>
      </c>
      <c r="B66" s="95">
        <v>9587</v>
      </c>
      <c r="C66" s="96">
        <v>4.7645673363610266</v>
      </c>
      <c r="D66" s="97">
        <v>3.2470281938239864E-2</v>
      </c>
      <c r="E66" s="98">
        <v>0.19260779367091921</v>
      </c>
      <c r="F66" s="89">
        <v>8.0554027415301651E-3</v>
      </c>
      <c r="G66" s="98">
        <v>0.1910011506598602</v>
      </c>
      <c r="H66" s="89">
        <v>8.0297470112099534E-3</v>
      </c>
      <c r="I66" s="98">
        <v>0.59332223383235894</v>
      </c>
      <c r="J66" s="89">
        <v>1.0031713314593604E-2</v>
      </c>
      <c r="K66" s="88">
        <v>2.3068821836876016E-2</v>
      </c>
      <c r="L66" s="89">
        <v>3.0786677539269953E-3</v>
      </c>
      <c r="M66" s="95">
        <v>9525</v>
      </c>
      <c r="N66" s="96">
        <v>4.8634041288784955</v>
      </c>
      <c r="O66" s="97">
        <v>2.8981977849818125E-2</v>
      </c>
      <c r="P66" s="98">
        <v>0.15211679045525403</v>
      </c>
      <c r="Q66" s="89">
        <v>7.3609502787117158E-3</v>
      </c>
      <c r="R66" s="98">
        <v>0.2139504044151809</v>
      </c>
      <c r="S66" s="89">
        <v>8.4038157902556615E-3</v>
      </c>
      <c r="T66" s="98">
        <v>0.61699650465571054</v>
      </c>
      <c r="U66" s="89">
        <v>9.9600062311628133E-3</v>
      </c>
      <c r="V66" s="88">
        <v>1.6936300473869743E-2</v>
      </c>
      <c r="W66" s="89">
        <v>2.6591698489265765E-3</v>
      </c>
      <c r="X66" s="95">
        <v>9532</v>
      </c>
      <c r="Y66" s="96">
        <v>4.5434250236800198</v>
      </c>
      <c r="Z66" s="97">
        <v>3.2096927325012257E-2</v>
      </c>
      <c r="AA66" s="98">
        <v>0.21102858220833592</v>
      </c>
      <c r="AB66" s="89">
        <v>8.3587142342470694E-3</v>
      </c>
      <c r="AC66" s="98">
        <v>0.22363503398901788</v>
      </c>
      <c r="AD66" s="89">
        <v>8.5355176633382865E-3</v>
      </c>
      <c r="AE66" s="98">
        <v>0.51770555079985736</v>
      </c>
      <c r="AF66" s="89">
        <v>1.0233981926751921E-2</v>
      </c>
      <c r="AG66" s="88">
        <v>4.7630833002804358E-2</v>
      </c>
      <c r="AH66" s="89">
        <v>4.3703247696647738E-3</v>
      </c>
      <c r="AI66" s="95">
        <v>9523</v>
      </c>
      <c r="AJ66" s="96">
        <v>5.0396573548051702</v>
      </c>
      <c r="AK66" s="97">
        <v>2.9709827966179159E-2</v>
      </c>
      <c r="AL66" s="98">
        <v>0.13259713198835449</v>
      </c>
      <c r="AM66" s="89">
        <v>6.9525361740756355E-3</v>
      </c>
      <c r="AN66" s="98">
        <v>0.18688087604825138</v>
      </c>
      <c r="AO66" s="89">
        <v>7.9896733487732109E-3</v>
      </c>
      <c r="AP66" s="98">
        <v>0.67007233551241685</v>
      </c>
      <c r="AQ66" s="89">
        <v>9.6348725483679353E-3</v>
      </c>
      <c r="AR66" s="88">
        <v>1.0449656450990847E-2</v>
      </c>
      <c r="AS66" s="89">
        <v>2.103810063985888E-3</v>
      </c>
    </row>
    <row r="67" spans="1:45">
      <c r="A67" s="44" t="s">
        <v>350</v>
      </c>
      <c r="B67" s="99">
        <v>7203</v>
      </c>
      <c r="C67" s="100">
        <v>4.7479309104914273</v>
      </c>
      <c r="D67" s="101">
        <v>3.7710878836364599E-2</v>
      </c>
      <c r="E67" s="102">
        <v>0.19515814002687937</v>
      </c>
      <c r="F67" s="92">
        <v>9.3399353216683054E-3</v>
      </c>
      <c r="G67" s="102">
        <v>0.19035355791910077</v>
      </c>
      <c r="H67" s="92">
        <v>9.2518972962617949E-3</v>
      </c>
      <c r="I67" s="102">
        <v>0.5939864969946318</v>
      </c>
      <c r="J67" s="92">
        <v>1.1569646394047898E-2</v>
      </c>
      <c r="K67" s="91">
        <v>2.0501805059392125E-2</v>
      </c>
      <c r="L67" s="92">
        <v>3.3596357772601505E-3</v>
      </c>
      <c r="M67" s="99">
        <v>7153</v>
      </c>
      <c r="N67" s="100">
        <v>4.942380447568687</v>
      </c>
      <c r="O67" s="101">
        <v>3.3352412965629775E-2</v>
      </c>
      <c r="P67" s="102">
        <v>0.14204428375844136</v>
      </c>
      <c r="Q67" s="92">
        <v>8.2577890463465947E-3</v>
      </c>
      <c r="R67" s="102">
        <v>0.20676950433505983</v>
      </c>
      <c r="S67" s="92">
        <v>9.5771128563941522E-3</v>
      </c>
      <c r="T67" s="102">
        <v>0.63794247605367704</v>
      </c>
      <c r="U67" s="92">
        <v>1.1362241746809646E-2</v>
      </c>
      <c r="V67" s="91">
        <v>1.3243735852824789E-2</v>
      </c>
      <c r="W67" s="92">
        <v>2.7297955825830856E-3</v>
      </c>
      <c r="X67" s="99">
        <v>7160</v>
      </c>
      <c r="Y67" s="100">
        <v>4.406807802240631</v>
      </c>
      <c r="Z67" s="101">
        <v>3.768881409209994E-2</v>
      </c>
      <c r="AA67" s="102">
        <v>0.24370743026260969</v>
      </c>
      <c r="AB67" s="92">
        <v>1.0146537980582904E-2</v>
      </c>
      <c r="AC67" s="102">
        <v>0.225137811468125</v>
      </c>
      <c r="AD67" s="92">
        <v>9.8717380005026983E-3</v>
      </c>
      <c r="AE67" s="102">
        <v>0.48723641608191742</v>
      </c>
      <c r="AF67" s="92">
        <v>1.1810840982307648E-2</v>
      </c>
      <c r="AG67" s="91">
        <v>4.3918342187352577E-2</v>
      </c>
      <c r="AH67" s="92">
        <v>4.8553470116026376E-3</v>
      </c>
      <c r="AI67" s="99">
        <v>7151</v>
      </c>
      <c r="AJ67" s="100">
        <v>5.1012093799995002</v>
      </c>
      <c r="AK67" s="101">
        <v>3.4352209260024504E-2</v>
      </c>
      <c r="AL67" s="102">
        <v>0.12875691863748154</v>
      </c>
      <c r="AM67" s="92">
        <v>7.924614397251872E-3</v>
      </c>
      <c r="AN67" s="102">
        <v>0.17678537881662404</v>
      </c>
      <c r="AO67" s="92">
        <v>9.0235837056217814E-3</v>
      </c>
      <c r="AP67" s="102">
        <v>0.68718981784452582</v>
      </c>
      <c r="AQ67" s="92">
        <v>1.0963356522155991E-2</v>
      </c>
      <c r="AR67" s="91">
        <v>7.2678847013721605E-3</v>
      </c>
      <c r="AS67" s="92">
        <v>2.0457990671446584E-3</v>
      </c>
    </row>
    <row r="68" spans="1:45">
      <c r="A68" s="40" t="s">
        <v>351</v>
      </c>
      <c r="B68" s="95">
        <v>2384</v>
      </c>
      <c r="C68" s="96">
        <v>4.7811048007923818</v>
      </c>
      <c r="D68" s="97">
        <v>6.3701856656381756E-2</v>
      </c>
      <c r="E68" s="98">
        <v>0.19008583215813676</v>
      </c>
      <c r="F68" s="89">
        <v>1.6075341035770102E-2</v>
      </c>
      <c r="G68" s="98">
        <v>0.19164153582335763</v>
      </c>
      <c r="H68" s="89">
        <v>1.612520802485078E-2</v>
      </c>
      <c r="I68" s="98">
        <v>0.5926653637857785</v>
      </c>
      <c r="J68" s="89">
        <v>2.0110326896807636E-2</v>
      </c>
      <c r="K68" s="88">
        <v>2.5607268232729699E-2</v>
      </c>
      <c r="L68" s="89">
        <v>6.5617586368503754E-3</v>
      </c>
      <c r="M68" s="95">
        <v>2372</v>
      </c>
      <c r="N68" s="96">
        <v>4.7849602358788701</v>
      </c>
      <c r="O68" s="97">
        <v>5.8225632643737299E-2</v>
      </c>
      <c r="P68" s="98">
        <v>0.1620470442860093</v>
      </c>
      <c r="Q68" s="89">
        <v>1.5140866549873639E-2</v>
      </c>
      <c r="R68" s="98">
        <v>0.22102988946049026</v>
      </c>
      <c r="S68" s="89">
        <v>1.7038157395403375E-2</v>
      </c>
      <c r="T68" s="98">
        <v>0.59634635082859999</v>
      </c>
      <c r="U68" s="89">
        <v>2.0132081077849626E-2</v>
      </c>
      <c r="V68" s="88">
        <v>2.0576715424902456E-2</v>
      </c>
      <c r="W68" s="89">
        <v>5.9354776152824619E-3</v>
      </c>
      <c r="X68" s="95">
        <v>2372</v>
      </c>
      <c r="Y68" s="96">
        <v>4.6795675511580068</v>
      </c>
      <c r="Z68" s="97">
        <v>6.0088393487999082E-2</v>
      </c>
      <c r="AA68" s="98">
        <v>0.17871477233453401</v>
      </c>
      <c r="AB68" s="89">
        <v>1.5737913760833624E-2</v>
      </c>
      <c r="AC68" s="98">
        <v>0.22214904324472934</v>
      </c>
      <c r="AD68" s="89">
        <v>1.706881317262236E-2</v>
      </c>
      <c r="AE68" s="98">
        <v>0.54783433087983369</v>
      </c>
      <c r="AF68" s="89">
        <v>2.0421467150458297E-2</v>
      </c>
      <c r="AG68" s="88">
        <v>5.1301853540904302E-2</v>
      </c>
      <c r="AH68" s="89">
        <v>9.1146163776364073E-3</v>
      </c>
      <c r="AI68" s="95">
        <v>2372</v>
      </c>
      <c r="AJ68" s="96">
        <v>4.9785221347237956</v>
      </c>
      <c r="AK68" s="97">
        <v>5.9095460341213164E-2</v>
      </c>
      <c r="AL68" s="98">
        <v>0.13638705150860969</v>
      </c>
      <c r="AM68" s="89">
        <v>1.4108192763953682E-2</v>
      </c>
      <c r="AN68" s="98">
        <v>0.19684415634780802</v>
      </c>
      <c r="AO68" s="89">
        <v>1.6330226114806935E-2</v>
      </c>
      <c r="AP68" s="98">
        <v>0.65317903441146385</v>
      </c>
      <c r="AQ68" s="89">
        <v>1.9532202524649853E-2</v>
      </c>
      <c r="AR68" s="88">
        <v>1.35897577321204E-2</v>
      </c>
      <c r="AS68" s="89">
        <v>4.8895238745895594E-3</v>
      </c>
    </row>
    <row r="69" spans="1:45">
      <c r="A69" s="44" t="s">
        <v>533</v>
      </c>
      <c r="B69" s="99">
        <v>2166</v>
      </c>
      <c r="C69" s="100">
        <v>4.7936345927072201</v>
      </c>
      <c r="D69" s="101">
        <v>6.6931842741004249E-2</v>
      </c>
      <c r="E69" s="102">
        <v>0.19510364741359593</v>
      </c>
      <c r="F69" s="92">
        <v>1.7032396054051626E-2</v>
      </c>
      <c r="G69" s="102">
        <v>0.18155531609801187</v>
      </c>
      <c r="H69" s="92">
        <v>1.6570836048452067E-2</v>
      </c>
      <c r="I69" s="102">
        <v>0.60039448588257704</v>
      </c>
      <c r="J69" s="92">
        <v>2.1031381895510345E-2</v>
      </c>
      <c r="K69" s="91">
        <v>2.2946550605812549E-2</v>
      </c>
      <c r="L69" s="92">
        <v>6.5476963591933578E-3</v>
      </c>
      <c r="M69" s="99">
        <v>2151</v>
      </c>
      <c r="N69" s="100">
        <v>4.9162420621255842</v>
      </c>
      <c r="O69" s="101">
        <v>5.9390035503161943E-2</v>
      </c>
      <c r="P69" s="102">
        <v>0.13610183232388212</v>
      </c>
      <c r="Q69" s="92">
        <v>1.4803853305556473E-2</v>
      </c>
      <c r="R69" s="102">
        <v>0.21575844497026764</v>
      </c>
      <c r="S69" s="92">
        <v>1.773778530708631E-2</v>
      </c>
      <c r="T69" s="102">
        <v>0.62995401539381535</v>
      </c>
      <c r="U69" s="92">
        <v>2.0804005911833717E-2</v>
      </c>
      <c r="V69" s="91">
        <v>1.8185707312032295E-2</v>
      </c>
      <c r="W69" s="92">
        <v>5.8940339154828466E-3</v>
      </c>
      <c r="X69" s="99">
        <v>2157</v>
      </c>
      <c r="Y69" s="100">
        <v>4.6516638567422355</v>
      </c>
      <c r="Z69" s="101">
        <v>6.4765476065497748E-2</v>
      </c>
      <c r="AA69" s="102">
        <v>0.19798908079358601</v>
      </c>
      <c r="AB69" s="92">
        <v>1.7162249548705197E-2</v>
      </c>
      <c r="AC69" s="102">
        <v>0.20114173964616505</v>
      </c>
      <c r="AD69" s="92">
        <v>1.7263726316961228E-2</v>
      </c>
      <c r="AE69" s="102">
        <v>0.54363949431763536</v>
      </c>
      <c r="AF69" s="92">
        <v>2.142980915041123E-2</v>
      </c>
      <c r="AG69" s="91">
        <v>5.7229685242611718E-2</v>
      </c>
      <c r="AH69" s="92">
        <v>1.0060394701113716E-2</v>
      </c>
      <c r="AI69" s="99">
        <v>2158</v>
      </c>
      <c r="AJ69" s="100">
        <v>5.1029572325048509</v>
      </c>
      <c r="AK69" s="101">
        <v>6.098995850363368E-2</v>
      </c>
      <c r="AL69" s="102">
        <v>0.11446271164963084</v>
      </c>
      <c r="AM69" s="92">
        <v>1.3731298512398876E-2</v>
      </c>
      <c r="AN69" s="102">
        <v>0.18377255130721815</v>
      </c>
      <c r="AO69" s="92">
        <v>1.6679483006985307E-2</v>
      </c>
      <c r="AP69" s="102">
        <v>0.68998628340334289</v>
      </c>
      <c r="AQ69" s="92">
        <v>1.989977892568489E-2</v>
      </c>
      <c r="AR69" s="91">
        <v>1.1778453639804575E-2</v>
      </c>
      <c r="AS69" s="92">
        <v>4.8130459734963393E-3</v>
      </c>
    </row>
    <row r="70" spans="1:45">
      <c r="A70" s="40" t="s">
        <v>534</v>
      </c>
      <c r="B70" s="95">
        <v>1713</v>
      </c>
      <c r="C70" s="96">
        <v>4.7764731211964619</v>
      </c>
      <c r="D70" s="97">
        <v>7.4496045667445915E-2</v>
      </c>
      <c r="E70" s="98">
        <v>0.18796371722764757</v>
      </c>
      <c r="F70" s="89">
        <v>1.8884838696693888E-2</v>
      </c>
      <c r="G70" s="98">
        <v>0.18660639308626439</v>
      </c>
      <c r="H70" s="89">
        <v>1.8832649179585416E-2</v>
      </c>
      <c r="I70" s="98">
        <v>0.61095976772227578</v>
      </c>
      <c r="J70" s="89">
        <v>2.3534271154058192E-2</v>
      </c>
      <c r="K70" s="88">
        <v>1.447012196381452E-2</v>
      </c>
      <c r="L70" s="89">
        <v>5.9814965276836045E-3</v>
      </c>
      <c r="M70" s="95">
        <v>1701</v>
      </c>
      <c r="N70" s="96">
        <v>5.0481456226913028</v>
      </c>
      <c r="O70" s="97">
        <v>6.63641759735282E-2</v>
      </c>
      <c r="P70" s="98">
        <v>0.11048202588056111</v>
      </c>
      <c r="Q70" s="89">
        <v>1.5239000391391005E-2</v>
      </c>
      <c r="R70" s="98">
        <v>0.20777701617859431</v>
      </c>
      <c r="S70" s="89">
        <v>1.9675128898009875E-2</v>
      </c>
      <c r="T70" s="98">
        <v>0.66940452036206821</v>
      </c>
      <c r="U70" s="89">
        <v>2.2792528661835745E-2</v>
      </c>
      <c r="V70" s="88">
        <v>1.2336437578777027E-2</v>
      </c>
      <c r="W70" s="89">
        <v>5.5856523358847922E-3</v>
      </c>
      <c r="X70" s="95">
        <v>1705</v>
      </c>
      <c r="Y70" s="96">
        <v>4.4318746370823421</v>
      </c>
      <c r="Z70" s="97">
        <v>7.3311099206482988E-2</v>
      </c>
      <c r="AA70" s="98">
        <v>0.23682953268227319</v>
      </c>
      <c r="AB70" s="89">
        <v>2.0586209010088268E-2</v>
      </c>
      <c r="AC70" s="98">
        <v>0.21467824427439985</v>
      </c>
      <c r="AD70" s="89">
        <v>1.9886873217661832E-2</v>
      </c>
      <c r="AE70" s="98">
        <v>0.47983516662466824</v>
      </c>
      <c r="AF70" s="89">
        <v>2.4170027752190657E-2</v>
      </c>
      <c r="AG70" s="88">
        <v>6.8657056418660989E-2</v>
      </c>
      <c r="AH70" s="89">
        <v>1.2316595621783395E-2</v>
      </c>
      <c r="AI70" s="95">
        <v>1705</v>
      </c>
      <c r="AJ70" s="96">
        <v>5.1348496812713176</v>
      </c>
      <c r="AK70" s="97">
        <v>6.8559444321451543E-2</v>
      </c>
      <c r="AL70" s="98">
        <v>0.11597944885213886</v>
      </c>
      <c r="AM70" s="89">
        <v>1.554304606854686E-2</v>
      </c>
      <c r="AN70" s="98">
        <v>0.17378780584522496</v>
      </c>
      <c r="AO70" s="89">
        <v>1.8363927666719342E-2</v>
      </c>
      <c r="AP70" s="98">
        <v>0.70370085708079233</v>
      </c>
      <c r="AQ70" s="89">
        <v>2.2101419045925528E-2</v>
      </c>
      <c r="AR70" s="88">
        <v>6.5318882218447887E-3</v>
      </c>
      <c r="AS70" s="89">
        <v>4.2253067384159862E-3</v>
      </c>
    </row>
    <row r="71" spans="1:45">
      <c r="A71" s="44" t="s">
        <v>535</v>
      </c>
      <c r="B71" s="99">
        <v>336</v>
      </c>
      <c r="C71" s="100">
        <v>4.9266528081461818</v>
      </c>
      <c r="D71" s="101">
        <v>0.16434575526595224</v>
      </c>
      <c r="E71" s="102">
        <v>0.15606881883171458</v>
      </c>
      <c r="F71" s="92">
        <v>3.9775581189862255E-2</v>
      </c>
      <c r="G71" s="102">
        <v>0.15815566882425003</v>
      </c>
      <c r="H71" s="92">
        <v>3.9981741203814584E-2</v>
      </c>
      <c r="I71" s="102">
        <v>0.67804901762633851</v>
      </c>
      <c r="J71" s="92">
        <v>5.0763590021794806E-2</v>
      </c>
      <c r="K71" s="91">
        <v>7.7264947176994359E-3</v>
      </c>
      <c r="L71" s="92">
        <v>1.2525368521258049E-2</v>
      </c>
      <c r="M71" s="99">
        <v>335</v>
      </c>
      <c r="N71" s="100">
        <v>5.1472505517384004</v>
      </c>
      <c r="O71" s="101">
        <v>0.14982958994602735</v>
      </c>
      <c r="P71" s="102">
        <v>9.6637108706567484E-2</v>
      </c>
      <c r="Q71" s="92">
        <v>3.2788819578301633E-2</v>
      </c>
      <c r="R71" s="102">
        <v>0.18693953078773756</v>
      </c>
      <c r="S71" s="92">
        <v>4.2668004730805974E-2</v>
      </c>
      <c r="T71" s="102">
        <v>0.70712141643067061</v>
      </c>
      <c r="U71" s="92">
        <v>4.955341786503091E-2</v>
      </c>
      <c r="V71" s="91">
        <v>9.3019440750266493E-3</v>
      </c>
      <c r="W71" s="92">
        <v>1.3243410536842618E-2</v>
      </c>
      <c r="X71" s="99">
        <v>335</v>
      </c>
      <c r="Y71" s="100">
        <v>4.7405123684173125</v>
      </c>
      <c r="Z71" s="101">
        <v>0.1622161842423033</v>
      </c>
      <c r="AA71" s="102">
        <v>0.18023535113074746</v>
      </c>
      <c r="AB71" s="92">
        <v>4.2091247902530417E-2</v>
      </c>
      <c r="AC71" s="102">
        <v>0.20203477693208335</v>
      </c>
      <c r="AD71" s="92">
        <v>4.3895766240933748E-2</v>
      </c>
      <c r="AE71" s="102">
        <v>0.55742243495873511</v>
      </c>
      <c r="AF71" s="92">
        <v>5.3961640273252856E-2</v>
      </c>
      <c r="AG71" s="91">
        <v>6.0307436978437455E-2</v>
      </c>
      <c r="AH71" s="92">
        <v>2.6873654515692527E-2</v>
      </c>
      <c r="AI71" s="99">
        <v>336</v>
      </c>
      <c r="AJ71" s="100">
        <v>5.0631551356198443</v>
      </c>
      <c r="AK71" s="101">
        <v>0.16448499216366214</v>
      </c>
      <c r="AL71" s="102">
        <v>0.13131478774087779</v>
      </c>
      <c r="AM71" s="92">
        <v>3.7140547837037546E-2</v>
      </c>
      <c r="AN71" s="102">
        <v>0.1813610973620132</v>
      </c>
      <c r="AO71" s="92">
        <v>4.2126442144159587E-2</v>
      </c>
      <c r="AP71" s="102">
        <v>0.68047671757165706</v>
      </c>
      <c r="AQ71" s="92">
        <v>5.0664994594522519E-2</v>
      </c>
      <c r="AR71" s="91">
        <v>6.8473973254544133E-3</v>
      </c>
      <c r="AS71" s="92">
        <v>1.2121536777116635E-2</v>
      </c>
    </row>
    <row r="72" spans="1:45">
      <c r="A72" s="40" t="s">
        <v>536</v>
      </c>
      <c r="B72" s="95">
        <v>60</v>
      </c>
      <c r="C72" s="96">
        <v>4.8827132331012848</v>
      </c>
      <c r="D72" s="97">
        <v>0.3438229299455009</v>
      </c>
      <c r="E72" s="98">
        <v>0.12183671898298848</v>
      </c>
      <c r="F72" s="89">
        <v>8.814400268904643E-2</v>
      </c>
      <c r="G72" s="98">
        <v>0.20516712972873014</v>
      </c>
      <c r="H72" s="89">
        <v>0.10416328076273146</v>
      </c>
      <c r="I72" s="98">
        <v>0.67299615128828139</v>
      </c>
      <c r="J72" s="89">
        <v>0.11824138056058736</v>
      </c>
      <c r="K72" s="88">
        <v>0</v>
      </c>
      <c r="L72" s="89">
        <v>4.3498159084609543E-2</v>
      </c>
      <c r="M72" s="95">
        <v>60</v>
      </c>
      <c r="N72" s="96">
        <v>5.4316229472144055</v>
      </c>
      <c r="O72" s="97">
        <v>0.28373153805557511</v>
      </c>
      <c r="P72" s="98">
        <v>3.9346272053588781E-2</v>
      </c>
      <c r="Q72" s="89">
        <v>6.2995268452656544E-2</v>
      </c>
      <c r="R72" s="98">
        <v>0.23383012643093179</v>
      </c>
      <c r="S72" s="89">
        <v>0.1083203163213925</v>
      </c>
      <c r="T72" s="98">
        <v>0.72682360151547942</v>
      </c>
      <c r="U72" s="89">
        <v>0.1131318919516598</v>
      </c>
      <c r="V72" s="88">
        <v>0</v>
      </c>
      <c r="W72" s="89">
        <v>4.3498159084609543E-2</v>
      </c>
      <c r="X72" s="95">
        <v>60</v>
      </c>
      <c r="Y72" s="96">
        <v>4.928854736795464</v>
      </c>
      <c r="Z72" s="97">
        <v>0.30250437194300034</v>
      </c>
      <c r="AA72" s="98">
        <v>8.3074713700486247E-2</v>
      </c>
      <c r="AB72" s="89">
        <v>7.7951359799610001E-2</v>
      </c>
      <c r="AC72" s="98">
        <v>0.28265000984637073</v>
      </c>
      <c r="AD72" s="89">
        <v>0.11414890873062176</v>
      </c>
      <c r="AE72" s="98">
        <v>0.57351715038072792</v>
      </c>
      <c r="AF72" s="89">
        <v>0.12380673261090969</v>
      </c>
      <c r="AG72" s="88">
        <v>6.0758126072414632E-2</v>
      </c>
      <c r="AH72" s="89">
        <v>7.090028560337705E-2</v>
      </c>
      <c r="AI72" s="95">
        <v>60</v>
      </c>
      <c r="AJ72" s="96">
        <v>4.9643905096444447</v>
      </c>
      <c r="AK72" s="97">
        <v>0.40100900046725113</v>
      </c>
      <c r="AL72" s="98">
        <v>0.15798452124559076</v>
      </c>
      <c r="AM72" s="89">
        <v>9.59134713467725E-2</v>
      </c>
      <c r="AN72" s="98">
        <v>0.18654032053471753</v>
      </c>
      <c r="AO72" s="89">
        <v>0.10113151536156664</v>
      </c>
      <c r="AP72" s="98">
        <v>0.6554751582196916</v>
      </c>
      <c r="AQ72" s="89">
        <v>0.11957074706381994</v>
      </c>
      <c r="AR72" s="88">
        <v>0</v>
      </c>
      <c r="AS72" s="89">
        <v>4.3498159084609543E-2</v>
      </c>
    </row>
    <row r="73" spans="1:45">
      <c r="A73" s="44" t="s">
        <v>537</v>
      </c>
      <c r="B73" s="99">
        <v>76</v>
      </c>
      <c r="C73" s="100">
        <v>5.1579236068142063</v>
      </c>
      <c r="D73" s="101">
        <v>0.33514521488227583</v>
      </c>
      <c r="E73" s="102">
        <v>0.12810257830406524</v>
      </c>
      <c r="F73" s="92">
        <v>7.9112991263023374E-2</v>
      </c>
      <c r="G73" s="102">
        <v>0.13374943746598156</v>
      </c>
      <c r="H73" s="92">
        <v>8.029293998004193E-2</v>
      </c>
      <c r="I73" s="102">
        <v>0.71759065897059471</v>
      </c>
      <c r="J73" s="92">
        <v>0.10180140234267157</v>
      </c>
      <c r="K73" s="91">
        <v>2.0557325259358147E-2</v>
      </c>
      <c r="L73" s="92">
        <v>4.612298032319629E-2</v>
      </c>
      <c r="M73" s="99">
        <v>76</v>
      </c>
      <c r="N73" s="100">
        <v>5.1105722727016865</v>
      </c>
      <c r="O73" s="101">
        <v>0.29507124156311404</v>
      </c>
      <c r="P73" s="102">
        <v>8.8589460713461687E-2</v>
      </c>
      <c r="Q73" s="92">
        <v>6.9729507659230486E-2</v>
      </c>
      <c r="R73" s="102">
        <v>0.20961269584943204</v>
      </c>
      <c r="S73" s="92">
        <v>9.3246147444095359E-2</v>
      </c>
      <c r="T73" s="102">
        <v>0.6915191808074268</v>
      </c>
      <c r="U73" s="92">
        <v>0.10413852890573788</v>
      </c>
      <c r="V73" s="91">
        <v>1.0278662629679074E-2</v>
      </c>
      <c r="W73" s="92">
        <v>4.0961044347716795E-2</v>
      </c>
      <c r="X73" s="99">
        <v>75</v>
      </c>
      <c r="Y73" s="100">
        <v>4.5827491058812209</v>
      </c>
      <c r="Z73" s="101">
        <v>0.32564263070909766</v>
      </c>
      <c r="AA73" s="102">
        <v>0.1687325864092126</v>
      </c>
      <c r="AB73" s="92">
        <v>8.7465952856291912E-2</v>
      </c>
      <c r="AC73" s="102">
        <v>0.24761008229200829</v>
      </c>
      <c r="AD73" s="92">
        <v>9.8748298206569121E-2</v>
      </c>
      <c r="AE73" s="102">
        <v>0.55278570029701335</v>
      </c>
      <c r="AF73" s="92">
        <v>0.11194227413109113</v>
      </c>
      <c r="AG73" s="91">
        <v>3.0871631001765317E-2</v>
      </c>
      <c r="AH73" s="92">
        <v>5.11345107349458E-2</v>
      </c>
      <c r="AI73" s="99">
        <v>76</v>
      </c>
      <c r="AJ73" s="100">
        <v>5.2569029286041955</v>
      </c>
      <c r="AK73" s="101">
        <v>0.32636338645514029</v>
      </c>
      <c r="AL73" s="102">
        <v>9.8180003825914422E-2</v>
      </c>
      <c r="AM73" s="92">
        <v>7.2209062220014567E-2</v>
      </c>
      <c r="AN73" s="102">
        <v>0.14972315260783847</v>
      </c>
      <c r="AO73" s="92">
        <v>8.3447223587235081E-2</v>
      </c>
      <c r="AP73" s="102">
        <v>0.75209684356624673</v>
      </c>
      <c r="AQ73" s="92">
        <v>9.8143665427576535E-2</v>
      </c>
      <c r="AR73" s="91">
        <v>0</v>
      </c>
      <c r="AS73" s="92">
        <v>3.4910600109422353E-2</v>
      </c>
    </row>
    <row r="74" spans="1:45">
      <c r="A74" s="40" t="s">
        <v>538</v>
      </c>
      <c r="B74" s="95">
        <v>73</v>
      </c>
      <c r="C74" s="96">
        <v>4.6908097916100999</v>
      </c>
      <c r="D74" s="97">
        <v>0.34337277755955919</v>
      </c>
      <c r="E74" s="98">
        <v>0.215609171247266</v>
      </c>
      <c r="F74" s="89">
        <v>9.5972540107565188E-2</v>
      </c>
      <c r="G74" s="98">
        <v>0.13903557204041042</v>
      </c>
      <c r="H74" s="89">
        <v>8.3086636902362315E-2</v>
      </c>
      <c r="I74" s="98">
        <v>0.64535525671232308</v>
      </c>
      <c r="J74" s="89">
        <v>0.10954687437723612</v>
      </c>
      <c r="K74" s="88">
        <v>0</v>
      </c>
      <c r="L74" s="89">
        <v>3.6252631573966396E-2</v>
      </c>
      <c r="M74" s="95">
        <v>72</v>
      </c>
      <c r="N74" s="96">
        <v>5.2713441999399047</v>
      </c>
      <c r="O74" s="97">
        <v>0.31168979826511667</v>
      </c>
      <c r="P74" s="98">
        <v>9.5154795955736851E-2</v>
      </c>
      <c r="Q74" s="89">
        <v>7.3591668130071217E-2</v>
      </c>
      <c r="R74" s="98">
        <v>0.12414843230678976</v>
      </c>
      <c r="S74" s="89">
        <v>8.0529243421034111E-2</v>
      </c>
      <c r="T74" s="98">
        <v>0.78069677173747298</v>
      </c>
      <c r="U74" s="89">
        <v>9.7139298014133027E-2</v>
      </c>
      <c r="V74" s="88">
        <v>0</v>
      </c>
      <c r="W74" s="89">
        <v>3.6723195522334773E-2</v>
      </c>
      <c r="X74" s="95">
        <v>73</v>
      </c>
      <c r="Y74" s="96">
        <v>4.4051489760162656</v>
      </c>
      <c r="Z74" s="97">
        <v>0.37746983755112073</v>
      </c>
      <c r="AA74" s="98">
        <v>0.272471987578908</v>
      </c>
      <c r="AB74" s="89">
        <v>0.10280984761995224</v>
      </c>
      <c r="AC74" s="98">
        <v>0.21014592653329536</v>
      </c>
      <c r="AD74" s="89">
        <v>9.520634138716455E-2</v>
      </c>
      <c r="AE74" s="98">
        <v>0.49268726425595277</v>
      </c>
      <c r="AF74" s="89">
        <v>0.11394962102686114</v>
      </c>
      <c r="AG74" s="88">
        <v>2.4694821631843222E-2</v>
      </c>
      <c r="AH74" s="89">
        <v>4.9384272568557992E-2</v>
      </c>
      <c r="AI74" s="95">
        <v>73</v>
      </c>
      <c r="AJ74" s="96">
        <v>5.3669315473105641</v>
      </c>
      <c r="AK74" s="97">
        <v>0.29493537739211695</v>
      </c>
      <c r="AL74" s="98">
        <v>5.3227427706242315E-2</v>
      </c>
      <c r="AM74" s="89">
        <v>6.0557526756526807E-2</v>
      </c>
      <c r="AN74" s="98">
        <v>0.21574015925823534</v>
      </c>
      <c r="AO74" s="89">
        <v>9.5990657373663427E-2</v>
      </c>
      <c r="AP74" s="98">
        <v>0.73103241303552191</v>
      </c>
      <c r="AQ74" s="89">
        <v>0.10244429329379433</v>
      </c>
      <c r="AR74" s="88">
        <v>0</v>
      </c>
      <c r="AS74" s="89">
        <v>3.6252631573966396E-2</v>
      </c>
    </row>
    <row r="75" spans="1:45">
      <c r="A75" s="44" t="s">
        <v>539</v>
      </c>
      <c r="B75" s="99">
        <v>127</v>
      </c>
      <c r="C75" s="100">
        <v>4.9442401359008521</v>
      </c>
      <c r="D75" s="101">
        <v>0.29101114483770735</v>
      </c>
      <c r="E75" s="102">
        <v>0.15459999734835336</v>
      </c>
      <c r="F75" s="92">
        <v>6.4883495183199164E-2</v>
      </c>
      <c r="G75" s="102">
        <v>0.16141609346441682</v>
      </c>
      <c r="H75" s="92">
        <v>6.5906460114824164E-2</v>
      </c>
      <c r="I75" s="102">
        <v>0.67596217912324974</v>
      </c>
      <c r="J75" s="92">
        <v>8.2128050226899979E-2</v>
      </c>
      <c r="K75" s="91">
        <v>8.0217300639794358E-3</v>
      </c>
      <c r="L75" s="92">
        <v>2.6218659449702975E-2</v>
      </c>
      <c r="M75" s="99">
        <v>127</v>
      </c>
      <c r="N75" s="100">
        <v>4.9919655575819251</v>
      </c>
      <c r="O75" s="101">
        <v>0.27583778159425276</v>
      </c>
      <c r="P75" s="102">
        <v>0.12372572718661644</v>
      </c>
      <c r="Q75" s="92">
        <v>5.9753160669603581E-2</v>
      </c>
      <c r="R75" s="102">
        <v>0.18770017855792293</v>
      </c>
      <c r="S75" s="92">
        <v>6.9531472618387491E-2</v>
      </c>
      <c r="T75" s="102">
        <v>0.67163043556767799</v>
      </c>
      <c r="U75" s="92">
        <v>8.239069661444258E-2</v>
      </c>
      <c r="V75" s="91">
        <v>1.6943658687782148E-2</v>
      </c>
      <c r="W75" s="92">
        <v>3.061157519695723E-2</v>
      </c>
      <c r="X75" s="99">
        <v>127</v>
      </c>
      <c r="Y75" s="100">
        <v>4.9241867862026441</v>
      </c>
      <c r="Z75" s="101">
        <v>0.27778617398145489</v>
      </c>
      <c r="AA75" s="102">
        <v>0.17911298194347902</v>
      </c>
      <c r="AB75" s="92">
        <v>6.8400185411597383E-2</v>
      </c>
      <c r="AC75" s="102">
        <v>0.14376584240087453</v>
      </c>
      <c r="AD75" s="92">
        <v>6.3180027614671869E-2</v>
      </c>
      <c r="AE75" s="102">
        <v>0.58489781022764253</v>
      </c>
      <c r="AF75" s="92">
        <v>8.6178547641778749E-2</v>
      </c>
      <c r="AG75" s="91">
        <v>9.2223365428003329E-2</v>
      </c>
      <c r="AH75" s="92">
        <v>5.3494038131593161E-2</v>
      </c>
      <c r="AI75" s="99">
        <v>127</v>
      </c>
      <c r="AJ75" s="100">
        <v>4.8532863758117353</v>
      </c>
      <c r="AK75" s="101">
        <v>0.29099107145154152</v>
      </c>
      <c r="AL75" s="102">
        <v>0.17549137018095859</v>
      </c>
      <c r="AM75" s="92">
        <v>6.7908078705127758E-2</v>
      </c>
      <c r="AN75" s="102">
        <v>0.17860054641307499</v>
      </c>
      <c r="AO75" s="92">
        <v>6.833110520268687E-2</v>
      </c>
      <c r="AP75" s="102">
        <v>0.62962520459334648</v>
      </c>
      <c r="AQ75" s="92">
        <v>8.4565843915611824E-2</v>
      </c>
      <c r="AR75" s="91">
        <v>1.6282878812619351E-2</v>
      </c>
      <c r="AS75" s="92">
        <v>3.0310649468379379E-2</v>
      </c>
    </row>
    <row r="76" spans="1:45">
      <c r="A76" s="40" t="s">
        <v>540</v>
      </c>
      <c r="B76" s="95">
        <v>259</v>
      </c>
      <c r="C76" s="96">
        <v>4.6852928252169264</v>
      </c>
      <c r="D76" s="97">
        <v>0.20139711594543236</v>
      </c>
      <c r="E76" s="98">
        <v>0.20837963039994375</v>
      </c>
      <c r="F76" s="89">
        <v>5.0476773337284009E-2</v>
      </c>
      <c r="G76" s="98">
        <v>0.15025835063445547</v>
      </c>
      <c r="H76" s="89">
        <v>4.4699796427345638E-2</v>
      </c>
      <c r="I76" s="98">
        <v>0.60272176670785471</v>
      </c>
      <c r="J76" s="89">
        <v>6.0387439073910247E-2</v>
      </c>
      <c r="K76" s="88">
        <v>3.864025225774511E-2</v>
      </c>
      <c r="L76" s="89">
        <v>2.574296964983825E-2</v>
      </c>
      <c r="M76" s="95">
        <v>259</v>
      </c>
      <c r="N76" s="96">
        <v>4.9215897311523973</v>
      </c>
      <c r="O76" s="97">
        <v>0.16532766272145299</v>
      </c>
      <c r="P76" s="98">
        <v>0.12354755701955174</v>
      </c>
      <c r="Q76" s="89">
        <v>4.1375870151120459E-2</v>
      </c>
      <c r="R76" s="98">
        <v>0.18230817565516305</v>
      </c>
      <c r="S76" s="89">
        <v>4.8099803472947164E-2</v>
      </c>
      <c r="T76" s="98">
        <v>0.67225864898494825</v>
      </c>
      <c r="U76" s="89">
        <v>5.8005204433944718E-2</v>
      </c>
      <c r="V76" s="88">
        <v>2.1885618340336227E-2</v>
      </c>
      <c r="W76" s="89">
        <v>2.0749152039163311E-2</v>
      </c>
      <c r="X76" s="95">
        <v>259</v>
      </c>
      <c r="Y76" s="96">
        <v>4.3687284123518326</v>
      </c>
      <c r="Z76" s="97">
        <v>0.18298717460094893</v>
      </c>
      <c r="AA76" s="98">
        <v>0.23339955370715884</v>
      </c>
      <c r="AB76" s="89">
        <v>5.2477735625893404E-2</v>
      </c>
      <c r="AC76" s="98">
        <v>0.2415762748334192</v>
      </c>
      <c r="AD76" s="89">
        <v>5.3077624031905336E-2</v>
      </c>
      <c r="AE76" s="98">
        <v>0.4574360547126527</v>
      </c>
      <c r="AF76" s="89">
        <v>6.1445577009202001E-2</v>
      </c>
      <c r="AG76" s="88">
        <v>6.7588116746767929E-2</v>
      </c>
      <c r="AH76" s="89">
        <v>3.2316005557439187E-2</v>
      </c>
      <c r="AI76" s="95">
        <v>258</v>
      </c>
      <c r="AJ76" s="96">
        <v>5.0467414786654299</v>
      </c>
      <c r="AK76" s="97">
        <v>0.17460795011990907</v>
      </c>
      <c r="AL76" s="98">
        <v>0.11404074690500822</v>
      </c>
      <c r="AM76" s="89">
        <v>4.0142735604795914E-2</v>
      </c>
      <c r="AN76" s="98">
        <v>0.15535968481139725</v>
      </c>
      <c r="AO76" s="89">
        <v>4.5369079296050274E-2</v>
      </c>
      <c r="AP76" s="98">
        <v>0.70683576124515213</v>
      </c>
      <c r="AQ76" s="89">
        <v>5.6421977099783693E-2</v>
      </c>
      <c r="AR76" s="88">
        <v>2.3763807038441408E-2</v>
      </c>
      <c r="AS76" s="89">
        <v>2.1426758942524306E-2</v>
      </c>
    </row>
    <row r="77" spans="1:45">
      <c r="A77" s="44" t="s">
        <v>541</v>
      </c>
      <c r="B77" s="99">
        <v>82</v>
      </c>
      <c r="C77" s="100">
        <v>4.5942743107703734</v>
      </c>
      <c r="D77" s="101">
        <v>0.31738471669977558</v>
      </c>
      <c r="E77" s="102">
        <v>0.18499309473970368</v>
      </c>
      <c r="F77" s="92">
        <v>8.6208676220911662E-2</v>
      </c>
      <c r="G77" s="102">
        <v>0.15400875115625356</v>
      </c>
      <c r="H77" s="92">
        <v>8.1030253378763753E-2</v>
      </c>
      <c r="I77" s="102">
        <v>0.59999281391706683</v>
      </c>
      <c r="J77" s="92">
        <v>0.10585420113974728</v>
      </c>
      <c r="K77" s="91">
        <v>6.100534018697603E-2</v>
      </c>
      <c r="L77" s="92">
        <v>5.8981226068060506E-2</v>
      </c>
      <c r="M77" s="99">
        <v>82</v>
      </c>
      <c r="N77" s="100">
        <v>4.8425063096822729</v>
      </c>
      <c r="O77" s="101">
        <v>0.27369101707911053</v>
      </c>
      <c r="P77" s="102">
        <v>9.5300401217494585E-2</v>
      </c>
      <c r="Q77" s="92">
        <v>6.8573312842541895E-2</v>
      </c>
      <c r="R77" s="102">
        <v>0.18922116567725689</v>
      </c>
      <c r="S77" s="92">
        <v>8.6855154529080866E-2</v>
      </c>
      <c r="T77" s="102">
        <v>0.66217299931496465</v>
      </c>
      <c r="U77" s="92">
        <v>0.10254653889042487</v>
      </c>
      <c r="V77" s="91">
        <v>5.3305433790283886E-2</v>
      </c>
      <c r="W77" s="92">
        <v>5.648370565382977E-2</v>
      </c>
      <c r="X77" s="99">
        <v>82</v>
      </c>
      <c r="Y77" s="100">
        <v>3.8162940493947421</v>
      </c>
      <c r="Z77" s="101">
        <v>0.28694730523366346</v>
      </c>
      <c r="AA77" s="102">
        <v>0.31379647588407233</v>
      </c>
      <c r="AB77" s="92">
        <v>0.10080571237136782</v>
      </c>
      <c r="AC77" s="102">
        <v>0.27347834636989282</v>
      </c>
      <c r="AD77" s="92">
        <v>9.7253002651901163E-2</v>
      </c>
      <c r="AE77" s="102">
        <v>0.33267910904459408</v>
      </c>
      <c r="AF77" s="92">
        <v>0.10219622242617817</v>
      </c>
      <c r="AG77" s="91">
        <v>8.0046068701440778E-2</v>
      </c>
      <c r="AH77" s="92">
        <v>6.4578371479168409E-2</v>
      </c>
      <c r="AI77" s="99">
        <v>81</v>
      </c>
      <c r="AJ77" s="100">
        <v>5.1819933546785819</v>
      </c>
      <c r="AK77" s="101">
        <v>0.26192085389040282</v>
      </c>
      <c r="AL77" s="102">
        <v>7.2021284531289545E-2</v>
      </c>
      <c r="AM77" s="92">
        <v>6.2747945748385825E-2</v>
      </c>
      <c r="AN77" s="102">
        <v>0.15555107016766759</v>
      </c>
      <c r="AO77" s="92">
        <v>8.1820114229980409E-2</v>
      </c>
      <c r="AP77" s="102">
        <v>0.69148715714399855</v>
      </c>
      <c r="AQ77" s="92">
        <v>0.10098398488962518</v>
      </c>
      <c r="AR77" s="91">
        <v>8.0940488157044452E-2</v>
      </c>
      <c r="AS77" s="92">
        <v>6.5269869377729786E-2</v>
      </c>
    </row>
    <row r="78" spans="1:45">
      <c r="A78" s="40" t="s">
        <v>542</v>
      </c>
      <c r="B78" s="78">
        <v>76</v>
      </c>
      <c r="C78" s="79">
        <v>5.0615078656674131</v>
      </c>
      <c r="D78" s="80">
        <v>0.37843884971011243</v>
      </c>
      <c r="E78" s="93">
        <v>0.13946724850895653</v>
      </c>
      <c r="F78" s="89">
        <v>8.1452305654850399E-2</v>
      </c>
      <c r="G78" s="93">
        <v>0.13750359220601635</v>
      </c>
      <c r="H78" s="89">
        <v>8.1058068626341351E-2</v>
      </c>
      <c r="I78" s="93">
        <v>0.68411656143830568</v>
      </c>
      <c r="J78" s="89">
        <v>0.10473925609656379</v>
      </c>
      <c r="K78" s="93">
        <v>3.8912597846722054E-2</v>
      </c>
      <c r="L78" s="89">
        <v>5.391060324135042E-2</v>
      </c>
      <c r="M78" s="78">
        <v>75</v>
      </c>
      <c r="N78" s="79">
        <v>5.1622835722745517</v>
      </c>
      <c r="O78" s="80">
        <v>0.27215989361724696</v>
      </c>
      <c r="P78" s="93">
        <v>6.3683966978831011E-2</v>
      </c>
      <c r="Q78" s="89">
        <v>6.3012319432847685E-2</v>
      </c>
      <c r="R78" s="93">
        <v>0.19435484810537904</v>
      </c>
      <c r="S78" s="89">
        <v>9.1624354577426168E-2</v>
      </c>
      <c r="T78" s="93">
        <v>0.72286779977885218</v>
      </c>
      <c r="U78" s="89">
        <v>0.10193879628578141</v>
      </c>
      <c r="V78" s="93">
        <v>1.9093385136938347E-2</v>
      </c>
      <c r="W78" s="89">
        <v>4.5870365124390279E-2</v>
      </c>
      <c r="X78" s="78">
        <v>76</v>
      </c>
      <c r="Y78" s="79">
        <v>4.9452886836938239</v>
      </c>
      <c r="Z78" s="80">
        <v>0.30941540568488796</v>
      </c>
      <c r="AA78" s="93">
        <v>0.13960360994298437</v>
      </c>
      <c r="AB78" s="89">
        <v>8.1479532379478276E-2</v>
      </c>
      <c r="AC78" s="93">
        <v>0.21397431752552987</v>
      </c>
      <c r="AD78" s="89">
        <v>9.3852504319523827E-2</v>
      </c>
      <c r="AE78" s="93">
        <v>0.59244982047206496</v>
      </c>
      <c r="AF78" s="89">
        <v>0.11006506262251237</v>
      </c>
      <c r="AG78" s="93">
        <v>5.3972252059421348E-2</v>
      </c>
      <c r="AH78" s="89">
        <v>5.9353168146493121E-2</v>
      </c>
      <c r="AI78" s="78">
        <v>76</v>
      </c>
      <c r="AJ78" s="79">
        <v>5.1523128436700407</v>
      </c>
      <c r="AK78" s="80">
        <v>0.32288036542747223</v>
      </c>
      <c r="AL78" s="93">
        <v>0.11119255962764175</v>
      </c>
      <c r="AM78" s="89">
        <v>7.5355148734430652E-2</v>
      </c>
      <c r="AN78" s="93">
        <v>0.11421244874562567</v>
      </c>
      <c r="AO78" s="89">
        <v>7.605231379803018E-2</v>
      </c>
      <c r="AP78" s="93">
        <v>0.77459499162673306</v>
      </c>
      <c r="AQ78" s="89">
        <v>9.5380638887721012E-2</v>
      </c>
      <c r="AR78" s="93">
        <v>0</v>
      </c>
      <c r="AS78" s="89">
        <v>3.4910600109422353E-2</v>
      </c>
    </row>
    <row r="79" spans="1:45">
      <c r="A79" s="44" t="s">
        <v>543</v>
      </c>
      <c r="B79" s="99">
        <v>62</v>
      </c>
      <c r="C79" s="100">
        <v>4.4315626510290045</v>
      </c>
      <c r="D79" s="101">
        <v>0.46987243236177834</v>
      </c>
      <c r="E79" s="102">
        <v>0.2840850584978199</v>
      </c>
      <c r="F79" s="92">
        <v>0.11250867191076583</v>
      </c>
      <c r="G79" s="102">
        <v>0.18210509198909969</v>
      </c>
      <c r="H79" s="92">
        <v>9.8725511472229313E-2</v>
      </c>
      <c r="I79" s="102">
        <v>0.53380984951308053</v>
      </c>
      <c r="J79" s="92">
        <v>0.1228429037758971</v>
      </c>
      <c r="K79" s="91">
        <v>0</v>
      </c>
      <c r="L79" s="92">
        <v>4.2200643868047963E-2</v>
      </c>
      <c r="M79" s="99">
        <v>62</v>
      </c>
      <c r="N79" s="100">
        <v>4.5190435157452349</v>
      </c>
      <c r="O79" s="101">
        <v>0.42507692742293673</v>
      </c>
      <c r="P79" s="102">
        <v>0.28141031353745233</v>
      </c>
      <c r="Q79" s="92">
        <v>0.11223210101391967</v>
      </c>
      <c r="R79" s="102">
        <v>0.15596323272882587</v>
      </c>
      <c r="S79" s="92">
        <v>9.3921557996856281E-2</v>
      </c>
      <c r="T79" s="102">
        <v>0.56262645373372211</v>
      </c>
      <c r="U79" s="92">
        <v>0.12223646331477497</v>
      </c>
      <c r="V79" s="91">
        <v>0</v>
      </c>
      <c r="W79" s="92">
        <v>4.2200643868047963E-2</v>
      </c>
      <c r="X79" s="99">
        <v>62</v>
      </c>
      <c r="Y79" s="100">
        <v>4.3737846243567278</v>
      </c>
      <c r="Z79" s="101">
        <v>0.40316366815654747</v>
      </c>
      <c r="AA79" s="102">
        <v>0.23765311483635912</v>
      </c>
      <c r="AB79" s="92">
        <v>0.10710058702994556</v>
      </c>
      <c r="AC79" s="102">
        <v>0.21477911367116204</v>
      </c>
      <c r="AD79" s="92">
        <v>0.10392624364515154</v>
      </c>
      <c r="AE79" s="102">
        <v>0.47488061188414887</v>
      </c>
      <c r="AF79" s="92">
        <v>0.12295433533850922</v>
      </c>
      <c r="AG79" s="91">
        <v>7.2687159608330207E-2</v>
      </c>
      <c r="AH79" s="92">
        <v>7.3388102215439108E-2</v>
      </c>
      <c r="AI79" s="99">
        <v>62</v>
      </c>
      <c r="AJ79" s="100">
        <v>4.779836203896215</v>
      </c>
      <c r="AK79" s="101">
        <v>0.42328094209485012</v>
      </c>
      <c r="AL79" s="102">
        <v>0.17992034685397795</v>
      </c>
      <c r="AM79" s="92">
        <v>9.8347252621622222E-2</v>
      </c>
      <c r="AN79" s="102">
        <v>0.15705244772517074</v>
      </c>
      <c r="AO79" s="92">
        <v>9.4134364543769652E-2</v>
      </c>
      <c r="AP79" s="102">
        <v>0.6630272054208517</v>
      </c>
      <c r="AQ79" s="92">
        <v>0.1171753586744359</v>
      </c>
      <c r="AR79" s="91">
        <v>0</v>
      </c>
      <c r="AS79" s="92">
        <v>4.2200643868047963E-2</v>
      </c>
    </row>
    <row r="80" spans="1:45">
      <c r="A80" s="52" t="s">
        <v>544</v>
      </c>
      <c r="B80" s="95">
        <v>39</v>
      </c>
      <c r="C80" s="96">
        <v>4.4403570430178574</v>
      </c>
      <c r="D80" s="97">
        <v>0.47120539970541198</v>
      </c>
      <c r="E80" s="98">
        <v>0.29001353142203096</v>
      </c>
      <c r="F80" s="89">
        <v>0.14100229731493821</v>
      </c>
      <c r="G80" s="98">
        <v>0.1103141871490369</v>
      </c>
      <c r="H80" s="89">
        <v>0.10786857432101764</v>
      </c>
      <c r="I80" s="98">
        <v>0.53614548553431651</v>
      </c>
      <c r="J80" s="89">
        <v>0.15217042691173341</v>
      </c>
      <c r="K80" s="88">
        <v>6.3526795894615865E-2</v>
      </c>
      <c r="L80" s="89">
        <v>9.3154592825528598E-2</v>
      </c>
      <c r="M80" s="95">
        <v>40</v>
      </c>
      <c r="N80" s="96">
        <v>5.2964011161696192</v>
      </c>
      <c r="O80" s="97">
        <v>0.32907636865970247</v>
      </c>
      <c r="P80" s="98">
        <v>2.6687605786797901E-2</v>
      </c>
      <c r="Q80" s="89">
        <v>7.6785228143304116E-2</v>
      </c>
      <c r="R80" s="98">
        <v>0.18825834240223005</v>
      </c>
      <c r="S80" s="89">
        <v>0.12420056575877787</v>
      </c>
      <c r="T80" s="98">
        <v>0.78505405181097199</v>
      </c>
      <c r="U80" s="89">
        <v>0.12892789950854908</v>
      </c>
      <c r="V80" s="88">
        <v>0</v>
      </c>
      <c r="W80" s="89">
        <v>6.2804479973432498E-2</v>
      </c>
      <c r="X80" s="95">
        <v>39</v>
      </c>
      <c r="Y80" s="96">
        <v>4.114165855470592</v>
      </c>
      <c r="Z80" s="97">
        <v>0.47787230256714974</v>
      </c>
      <c r="AA80" s="98">
        <v>0.28060214031291214</v>
      </c>
      <c r="AB80" s="89">
        <v>0.139901451960599</v>
      </c>
      <c r="AC80" s="98">
        <v>0.29282596063776767</v>
      </c>
      <c r="AD80" s="89">
        <v>0.14132029429453472</v>
      </c>
      <c r="AE80" s="98">
        <v>0.36304510315470451</v>
      </c>
      <c r="AF80" s="89">
        <v>0.14771772484782267</v>
      </c>
      <c r="AG80" s="88">
        <v>6.3526795894615865E-2</v>
      </c>
      <c r="AH80" s="89">
        <v>9.3154592825528598E-2</v>
      </c>
      <c r="AI80" s="95">
        <v>39</v>
      </c>
      <c r="AJ80" s="96">
        <v>5.0212263790391356</v>
      </c>
      <c r="AK80" s="97">
        <v>0.42565975602252915</v>
      </c>
      <c r="AL80" s="98">
        <v>8.4688193319514674E-2</v>
      </c>
      <c r="AM80" s="89">
        <v>0.10028497586375579</v>
      </c>
      <c r="AN80" s="98">
        <v>0.26320660410651625</v>
      </c>
      <c r="AO80" s="89">
        <v>0.13771406875955661</v>
      </c>
      <c r="AP80" s="98">
        <v>0.65210520257396909</v>
      </c>
      <c r="AQ80" s="89">
        <v>0.14657902854090893</v>
      </c>
      <c r="AR80" s="88">
        <v>0</v>
      </c>
      <c r="AS80" s="89">
        <v>6.4229455226840551E-2</v>
      </c>
    </row>
    <row r="81" spans="1:45">
      <c r="A81" s="44" t="s">
        <v>545</v>
      </c>
      <c r="B81" s="99">
        <v>417</v>
      </c>
      <c r="C81" s="100">
        <v>4.6704744310009385</v>
      </c>
      <c r="D81" s="101">
        <v>0.1551010936063496</v>
      </c>
      <c r="E81" s="102">
        <v>0.21321877271078032</v>
      </c>
      <c r="F81" s="92">
        <v>4.010815836497468E-2</v>
      </c>
      <c r="G81" s="102">
        <v>0.19549301445173611</v>
      </c>
      <c r="H81" s="92">
        <v>3.8871138729777564E-2</v>
      </c>
      <c r="I81" s="102">
        <v>0.56887738681583266</v>
      </c>
      <c r="J81" s="92">
        <v>4.8281205815769813E-2</v>
      </c>
      <c r="K81" s="91">
        <v>2.2410826021652029E-2</v>
      </c>
      <c r="L81" s="92">
        <v>1.5784254835095997E-2</v>
      </c>
      <c r="M81" s="99">
        <v>417</v>
      </c>
      <c r="N81" s="100">
        <v>5.0521021306085752</v>
      </c>
      <c r="O81" s="101">
        <v>0.14171042444065365</v>
      </c>
      <c r="P81" s="102">
        <v>0.1239156502700888</v>
      </c>
      <c r="Q81" s="92">
        <v>3.2509524140288737E-2</v>
      </c>
      <c r="R81" s="102">
        <v>0.19604006051404813</v>
      </c>
      <c r="S81" s="92">
        <v>3.8911028969265307E-2</v>
      </c>
      <c r="T81" s="102">
        <v>0.66501932444525669</v>
      </c>
      <c r="U81" s="92">
        <v>4.6059305482624636E-2</v>
      </c>
      <c r="V81" s="91">
        <v>1.5024964770607678E-2</v>
      </c>
      <c r="W81" s="92">
        <v>1.3523045029665365E-2</v>
      </c>
      <c r="X81" s="99">
        <v>417</v>
      </c>
      <c r="Y81" s="100">
        <v>4.4234420298575809</v>
      </c>
      <c r="Z81" s="101">
        <v>0.15131951765043916</v>
      </c>
      <c r="AA81" s="102">
        <v>0.24310173835298499</v>
      </c>
      <c r="AB81" s="92">
        <v>4.1953647066152483E-2</v>
      </c>
      <c r="AC81" s="102">
        <v>0.24726757038190172</v>
      </c>
      <c r="AD81" s="92">
        <v>4.218884190562372E-2</v>
      </c>
      <c r="AE81" s="102">
        <v>0.4580572407354474</v>
      </c>
      <c r="AF81" s="92">
        <v>4.8568493645975631E-2</v>
      </c>
      <c r="AG81" s="91">
        <v>5.1573450529666692E-2</v>
      </c>
      <c r="AH81" s="92">
        <v>2.2380131123289179E-2</v>
      </c>
      <c r="AI81" s="99">
        <v>417</v>
      </c>
      <c r="AJ81" s="100">
        <v>4.970790108010732</v>
      </c>
      <c r="AK81" s="101">
        <v>0.14215197055247147</v>
      </c>
      <c r="AL81" s="102">
        <v>0.14191241403645807</v>
      </c>
      <c r="AM81" s="92">
        <v>3.4351586888558279E-2</v>
      </c>
      <c r="AN81" s="102">
        <v>0.21541153578154365</v>
      </c>
      <c r="AO81" s="92">
        <v>4.0253485231978615E-2</v>
      </c>
      <c r="AP81" s="102">
        <v>0.63601935589553604</v>
      </c>
      <c r="AQ81" s="92">
        <v>4.6934394263060487E-2</v>
      </c>
      <c r="AR81" s="91">
        <v>6.6566942864635823E-3</v>
      </c>
      <c r="AS81" s="92">
        <v>1.0322750894260779E-2</v>
      </c>
    </row>
    <row r="82" spans="1:45">
      <c r="A82" s="52" t="s">
        <v>546</v>
      </c>
      <c r="B82" s="95">
        <v>43</v>
      </c>
      <c r="C82" s="96">
        <v>4.641661019407251</v>
      </c>
      <c r="D82" s="97">
        <v>0.50556577016989568</v>
      </c>
      <c r="E82" s="98">
        <v>0.29081353598554122</v>
      </c>
      <c r="F82" s="89">
        <v>0.13475664725228118</v>
      </c>
      <c r="G82" s="98">
        <v>0.15287051133588425</v>
      </c>
      <c r="H82" s="89">
        <v>0.11266171584910223</v>
      </c>
      <c r="I82" s="98">
        <v>0.52373942654653272</v>
      </c>
      <c r="J82" s="89">
        <v>0.14572731249281631</v>
      </c>
      <c r="K82" s="88">
        <v>3.2576526132042011E-2</v>
      </c>
      <c r="L82" s="89">
        <v>7.5580970290811539E-2</v>
      </c>
      <c r="M82" s="95">
        <v>43</v>
      </c>
      <c r="N82" s="96">
        <v>5.4223474403957921</v>
      </c>
      <c r="O82" s="97">
        <v>0.39096889810584751</v>
      </c>
      <c r="P82" s="98">
        <v>5.1184036435904662E-2</v>
      </c>
      <c r="Q82" s="89">
        <v>8.3228550533378909E-2</v>
      </c>
      <c r="R82" s="98">
        <v>0.18281330804579959</v>
      </c>
      <c r="S82" s="89">
        <v>0.11878410839300983</v>
      </c>
      <c r="T82" s="98">
        <v>0.76600265551829583</v>
      </c>
      <c r="U82" s="89">
        <v>0.1274208638612461</v>
      </c>
      <c r="V82" s="88">
        <v>0</v>
      </c>
      <c r="W82" s="89">
        <v>5.8884970725247981E-2</v>
      </c>
      <c r="X82" s="95">
        <v>43</v>
      </c>
      <c r="Y82" s="96">
        <v>3.9751083994778078</v>
      </c>
      <c r="Z82" s="97">
        <v>0.47186967663732921</v>
      </c>
      <c r="AA82" s="98">
        <v>0.35593958778638374</v>
      </c>
      <c r="AB82" s="89">
        <v>0.14070605326793839</v>
      </c>
      <c r="AC82" s="98">
        <v>0.23511270230553388</v>
      </c>
      <c r="AD82" s="89">
        <v>0.12758627688917015</v>
      </c>
      <c r="AE82" s="98">
        <v>0.28995647828874671</v>
      </c>
      <c r="AF82" s="89">
        <v>0.13466164396144786</v>
      </c>
      <c r="AG82" s="88">
        <v>0.11899123161933588</v>
      </c>
      <c r="AH82" s="89">
        <v>0.10457217705371344</v>
      </c>
      <c r="AI82" s="95">
        <v>42</v>
      </c>
      <c r="AJ82" s="96">
        <v>4.8099264096511281</v>
      </c>
      <c r="AK82" s="97">
        <v>0.40604644160136094</v>
      </c>
      <c r="AL82" s="98">
        <v>0.19522213046376585</v>
      </c>
      <c r="AM82" s="89">
        <v>0.12249677053375441</v>
      </c>
      <c r="AN82" s="98">
        <v>0.24266727582265438</v>
      </c>
      <c r="AO82" s="89">
        <v>0.130148976261136</v>
      </c>
      <c r="AP82" s="98">
        <v>0.56211059371357985</v>
      </c>
      <c r="AQ82" s="89">
        <v>0.14649054370506093</v>
      </c>
      <c r="AR82" s="88">
        <v>0</v>
      </c>
      <c r="AS82" s="89">
        <v>6.0136006505054317E-2</v>
      </c>
    </row>
    <row r="83" spans="1:45">
      <c r="A83" s="44" t="s">
        <v>547</v>
      </c>
      <c r="B83" s="99">
        <v>68</v>
      </c>
      <c r="C83" s="100">
        <v>4.594768746715248</v>
      </c>
      <c r="D83" s="101">
        <v>0.38216356980073368</v>
      </c>
      <c r="E83" s="102">
        <v>0.18989945878902387</v>
      </c>
      <c r="F83" s="92">
        <v>9.5517759271007238E-2</v>
      </c>
      <c r="G83" s="102">
        <v>0.19957240517630015</v>
      </c>
      <c r="H83" s="92">
        <v>9.7037569105112145E-2</v>
      </c>
      <c r="I83" s="102">
        <v>0.54863693201254815</v>
      </c>
      <c r="J83" s="92">
        <v>0.11735274147673125</v>
      </c>
      <c r="K83" s="91">
        <v>6.1891204022127673E-2</v>
      </c>
      <c r="L83" s="92">
        <v>6.6162623040774166E-2</v>
      </c>
      <c r="M83" s="99">
        <v>68</v>
      </c>
      <c r="N83" s="100">
        <v>5.0252141052438528</v>
      </c>
      <c r="O83" s="101">
        <v>0.3278981358110426</v>
      </c>
      <c r="P83" s="102">
        <v>6.2949282782009328E-2</v>
      </c>
      <c r="Q83" s="92">
        <v>6.6508490074236329E-2</v>
      </c>
      <c r="R83" s="102">
        <v>0.2700356718973419</v>
      </c>
      <c r="S83" s="92">
        <v>0.10615218151460404</v>
      </c>
      <c r="T83" s="102">
        <v>0.65515555866401021</v>
      </c>
      <c r="U83" s="92">
        <v>0.11267634517953962</v>
      </c>
      <c r="V83" s="91">
        <v>1.1859486656638623E-2</v>
      </c>
      <c r="W83" s="92">
        <v>4.5618641463270541E-2</v>
      </c>
      <c r="X83" s="99">
        <v>67</v>
      </c>
      <c r="Y83" s="100">
        <v>4.3091902716683377</v>
      </c>
      <c r="Z83" s="101">
        <v>0.3511661047653869</v>
      </c>
      <c r="AA83" s="102">
        <v>0.2081076091931843</v>
      </c>
      <c r="AB83" s="92">
        <v>9.9045739193992552E-2</v>
      </c>
      <c r="AC83" s="102">
        <v>0.34533086901195886</v>
      </c>
      <c r="AD83" s="92">
        <v>0.11350920490984773</v>
      </c>
      <c r="AE83" s="102">
        <v>0.42238473868850046</v>
      </c>
      <c r="AF83" s="92">
        <v>0.11739796909289307</v>
      </c>
      <c r="AG83" s="91">
        <v>2.417678310635607E-2</v>
      </c>
      <c r="AH83" s="92">
        <v>5.2209968665632787E-2</v>
      </c>
      <c r="AI83" s="99">
        <v>68</v>
      </c>
      <c r="AJ83" s="100">
        <v>5.0513134764212611</v>
      </c>
      <c r="AK83" s="101">
        <v>0.30951989062067625</v>
      </c>
      <c r="AL83" s="102">
        <v>3.603520424946724E-2</v>
      </c>
      <c r="AM83" s="92">
        <v>5.6759934652353017E-2</v>
      </c>
      <c r="AN83" s="102">
        <v>0.35255819074603423</v>
      </c>
      <c r="AO83" s="92">
        <v>0.11318845422569418</v>
      </c>
      <c r="AP83" s="102">
        <v>0.5984493942802197</v>
      </c>
      <c r="AQ83" s="92">
        <v>0.11579549086183043</v>
      </c>
      <c r="AR83" s="91">
        <v>1.2957210724278563E-2</v>
      </c>
      <c r="AS83" s="92">
        <v>4.6196399424118607E-2</v>
      </c>
    </row>
    <row r="84" spans="1:45">
      <c r="A84" s="52" t="s">
        <v>548</v>
      </c>
      <c r="B84" s="95">
        <v>127</v>
      </c>
      <c r="C84" s="96">
        <v>4.7275000852942366</v>
      </c>
      <c r="D84" s="97">
        <v>0.27407541511051237</v>
      </c>
      <c r="E84" s="98">
        <v>0.19300922488161046</v>
      </c>
      <c r="F84" s="89">
        <v>7.0206699136173639E-2</v>
      </c>
      <c r="G84" s="98">
        <v>0.20664249402337884</v>
      </c>
      <c r="H84" s="89">
        <v>7.1860047579637015E-2</v>
      </c>
      <c r="I84" s="98">
        <v>0.60034828109501082</v>
      </c>
      <c r="J84" s="89">
        <v>8.5700665322733696E-2</v>
      </c>
      <c r="K84" s="88">
        <v>0</v>
      </c>
      <c r="L84" s="89">
        <v>2.1425595681499328E-2</v>
      </c>
      <c r="M84" s="95">
        <v>126</v>
      </c>
      <c r="N84" s="96">
        <v>5.0590434057302724</v>
      </c>
      <c r="O84" s="97">
        <v>0.25859001047263797</v>
      </c>
      <c r="P84" s="98">
        <v>0.13624300150557114</v>
      </c>
      <c r="Q84" s="89">
        <v>6.2190350634387916E-2</v>
      </c>
      <c r="R84" s="98">
        <v>0.13890849272304848</v>
      </c>
      <c r="S84" s="89">
        <v>6.2637737479146235E-2</v>
      </c>
      <c r="T84" s="98">
        <v>0.70909773404364729</v>
      </c>
      <c r="U84" s="89">
        <v>8.0178132504151206E-2</v>
      </c>
      <c r="V84" s="88">
        <v>1.5750771727733103E-2</v>
      </c>
      <c r="W84" s="89">
        <v>3.0235628311590948E-2</v>
      </c>
      <c r="X84" s="95">
        <v>127</v>
      </c>
      <c r="Y84" s="96">
        <v>4.4799155533842825</v>
      </c>
      <c r="Z84" s="97">
        <v>0.26403802662261766</v>
      </c>
      <c r="AA84" s="98">
        <v>0.22994770439685419</v>
      </c>
      <c r="AB84" s="89">
        <v>7.4435770019389544E-2</v>
      </c>
      <c r="AC84" s="98">
        <v>0.26352127197179936</v>
      </c>
      <c r="AD84" s="89">
        <v>7.764486934233357E-2</v>
      </c>
      <c r="AE84" s="98">
        <v>0.45565810842687776</v>
      </c>
      <c r="AF84" s="89">
        <v>8.704689215451443E-2</v>
      </c>
      <c r="AG84" s="88">
        <v>5.0872915204468426E-2</v>
      </c>
      <c r="AH84" s="89">
        <v>4.2950450773095131E-2</v>
      </c>
      <c r="AI84" s="95">
        <v>127</v>
      </c>
      <c r="AJ84" s="96">
        <v>4.9696456066475934</v>
      </c>
      <c r="AK84" s="97">
        <v>0.26914617626399767</v>
      </c>
      <c r="AL84" s="103">
        <v>0.14710970531326548</v>
      </c>
      <c r="AM84" s="89">
        <v>6.3716287684298267E-2</v>
      </c>
      <c r="AN84" s="98">
        <v>0.21213129540101289</v>
      </c>
      <c r="AO84" s="89">
        <v>7.2494277100668955E-2</v>
      </c>
      <c r="AP84" s="98">
        <v>0.62555339045173253</v>
      </c>
      <c r="AQ84" s="89">
        <v>8.4741963944475474E-2</v>
      </c>
      <c r="AR84" s="88">
        <v>1.5205608833989172E-2</v>
      </c>
      <c r="AS84" s="89">
        <v>2.9812637043123869E-2</v>
      </c>
    </row>
    <row r="85" spans="1:45">
      <c r="A85" s="44" t="s">
        <v>549</v>
      </c>
      <c r="B85" s="99">
        <v>38</v>
      </c>
      <c r="C85" s="100">
        <v>4.0317179971235024</v>
      </c>
      <c r="D85" s="101">
        <v>0.48748060855269526</v>
      </c>
      <c r="E85" s="102">
        <v>0.31767315847329386</v>
      </c>
      <c r="F85" s="92">
        <v>0.14566347813113387</v>
      </c>
      <c r="G85" s="102">
        <v>0.40865525965860827</v>
      </c>
      <c r="H85" s="92">
        <v>0.15218089614693001</v>
      </c>
      <c r="I85" s="102">
        <v>0.27367158186809787</v>
      </c>
      <c r="J85" s="92">
        <v>0.14076927527249591</v>
      </c>
      <c r="K85" s="91">
        <v>0</v>
      </c>
      <c r="L85" s="92">
        <v>6.5720529461176583E-2</v>
      </c>
      <c r="M85" s="99">
        <v>38</v>
      </c>
      <c r="N85" s="100">
        <v>4.8713355106256531</v>
      </c>
      <c r="O85" s="101">
        <v>0.48422478178038331</v>
      </c>
      <c r="P85" s="102">
        <v>0.12374605672683985</v>
      </c>
      <c r="Q85" s="92">
        <v>0.11301667134410116</v>
      </c>
      <c r="R85" s="102">
        <v>0.30664659156963869</v>
      </c>
      <c r="S85" s="92">
        <v>0.14455067225488019</v>
      </c>
      <c r="T85" s="102">
        <v>0.56960735170352139</v>
      </c>
      <c r="U85" s="92">
        <v>0.15307444856151256</v>
      </c>
      <c r="V85" s="91">
        <v>0</v>
      </c>
      <c r="W85" s="92">
        <v>6.5720529461176583E-2</v>
      </c>
      <c r="X85" s="99">
        <v>38</v>
      </c>
      <c r="Y85" s="100">
        <v>3.4059411974812845</v>
      </c>
      <c r="Z85" s="101">
        <v>0.41504886803864127</v>
      </c>
      <c r="AA85" s="102">
        <v>0.49095557674669116</v>
      </c>
      <c r="AB85" s="92">
        <v>0.15428268356342276</v>
      </c>
      <c r="AC85" s="102">
        <v>0.36831632874140702</v>
      </c>
      <c r="AD85" s="92">
        <v>0.14985869403043131</v>
      </c>
      <c r="AE85" s="102">
        <v>0.11651061776366646</v>
      </c>
      <c r="AF85" s="92">
        <v>0.11110449377447165</v>
      </c>
      <c r="AG85" s="91">
        <v>2.4217476748235288E-2</v>
      </c>
      <c r="AH85" s="92">
        <v>7.8495170297884026E-2</v>
      </c>
      <c r="AI85" s="99">
        <v>38</v>
      </c>
      <c r="AJ85" s="100">
        <v>4.1729142454496797</v>
      </c>
      <c r="AK85" s="101">
        <v>0.51669479580906508</v>
      </c>
      <c r="AL85" s="102">
        <v>0.28942457204613381</v>
      </c>
      <c r="AM85" s="92">
        <v>0.1426624024747136</v>
      </c>
      <c r="AN85" s="102">
        <v>0.37898017881127011</v>
      </c>
      <c r="AO85" s="92">
        <v>0.15055802134985294</v>
      </c>
      <c r="AP85" s="102">
        <v>0.33159524914259597</v>
      </c>
      <c r="AQ85" s="92">
        <v>0.1469643753838426</v>
      </c>
      <c r="AR85" s="91">
        <v>0</v>
      </c>
      <c r="AS85" s="92">
        <v>6.5720529461176583E-2</v>
      </c>
    </row>
    <row r="86" spans="1:45">
      <c r="A86" s="52" t="s">
        <v>550</v>
      </c>
      <c r="B86" s="95">
        <v>91</v>
      </c>
      <c r="C86" s="96">
        <v>4.8982177318912195</v>
      </c>
      <c r="D86" s="97">
        <v>0.34648498419556151</v>
      </c>
      <c r="E86" s="98">
        <v>0.20575043944111748</v>
      </c>
      <c r="F86" s="89">
        <v>8.4742304353998196E-2</v>
      </c>
      <c r="G86" s="98">
        <v>0.11662682723186486</v>
      </c>
      <c r="H86" s="89">
        <v>6.962796974371796E-2</v>
      </c>
      <c r="I86" s="98">
        <v>0.63745873056882807</v>
      </c>
      <c r="J86" s="89">
        <v>9.8976392548518546E-2</v>
      </c>
      <c r="K86" s="88">
        <v>4.0164002758188343E-2</v>
      </c>
      <c r="L86" s="89">
        <v>4.8550453881334679E-2</v>
      </c>
      <c r="M86" s="95">
        <v>91</v>
      </c>
      <c r="N86" s="96">
        <v>5.0896561117126131</v>
      </c>
      <c r="O86" s="97">
        <v>0.33428421526936586</v>
      </c>
      <c r="P86" s="98">
        <v>0.14810018932840785</v>
      </c>
      <c r="Q86" s="89">
        <v>7.5776698801078471E-2</v>
      </c>
      <c r="R86" s="98">
        <v>0.18888545807149965</v>
      </c>
      <c r="S86" s="89">
        <v>8.2382182627477679E-2</v>
      </c>
      <c r="T86" s="98">
        <v>0.64163621110755065</v>
      </c>
      <c r="U86" s="89">
        <v>9.8748580423044977E-2</v>
      </c>
      <c r="V86" s="88">
        <v>2.1378141492540845E-2</v>
      </c>
      <c r="W86" s="89">
        <v>4.0939414375270898E-2</v>
      </c>
      <c r="X86" s="95">
        <v>91</v>
      </c>
      <c r="Y86" s="96">
        <v>4.8533979022630449</v>
      </c>
      <c r="Z86" s="97">
        <v>0.3224900238078599</v>
      </c>
      <c r="AA86" s="98">
        <v>0.14659773808934742</v>
      </c>
      <c r="AB86" s="89">
        <v>7.5506079970314888E-2</v>
      </c>
      <c r="AC86" s="98">
        <v>0.20430141021565387</v>
      </c>
      <c r="AD86" s="89">
        <v>8.4547215312027246E-2</v>
      </c>
      <c r="AE86" s="98">
        <v>0.59215423455068172</v>
      </c>
      <c r="AF86" s="89">
        <v>0.10098622959644163</v>
      </c>
      <c r="AG86" s="88">
        <v>5.6946617144315793E-2</v>
      </c>
      <c r="AH86" s="89">
        <v>5.4245411219416784E-2</v>
      </c>
      <c r="AI86" s="95">
        <v>91</v>
      </c>
      <c r="AJ86" s="96">
        <v>5.1179740333506549</v>
      </c>
      <c r="AK86" s="97">
        <v>0.29707812257699573</v>
      </c>
      <c r="AL86" s="103">
        <v>0.14666244154485428</v>
      </c>
      <c r="AM86" s="89">
        <v>7.5517778019321607E-2</v>
      </c>
      <c r="AN86" s="98">
        <v>0.11460661415582157</v>
      </c>
      <c r="AO86" s="89">
        <v>6.9195754649579139E-2</v>
      </c>
      <c r="AP86" s="98">
        <v>0.73873094429932318</v>
      </c>
      <c r="AQ86" s="89">
        <v>9.1238464264696742E-2</v>
      </c>
      <c r="AR86" s="88">
        <v>0</v>
      </c>
      <c r="AS86" s="89">
        <v>2.9457850911392545E-2</v>
      </c>
    </row>
    <row r="87" spans="1:45">
      <c r="A87" s="44" t="s">
        <v>551</v>
      </c>
      <c r="B87" s="99">
        <v>50</v>
      </c>
      <c r="C87" s="100">
        <v>4.5501971659407747</v>
      </c>
      <c r="D87" s="101">
        <v>0.40803215559560985</v>
      </c>
      <c r="E87" s="102">
        <v>0.19307214827937189</v>
      </c>
      <c r="F87" s="92">
        <v>0.11196383290130131</v>
      </c>
      <c r="G87" s="102">
        <v>0.23118517178634268</v>
      </c>
      <c r="H87" s="92">
        <v>0.11802306315611105</v>
      </c>
      <c r="I87" s="102">
        <v>0.57574267993428518</v>
      </c>
      <c r="J87" s="92">
        <v>0.13473746406324807</v>
      </c>
      <c r="K87" s="91">
        <v>0</v>
      </c>
      <c r="L87" s="92">
        <v>5.1399160480645252E-2</v>
      </c>
      <c r="M87" s="99">
        <v>51</v>
      </c>
      <c r="N87" s="100">
        <v>4.8409829107466038</v>
      </c>
      <c r="O87" s="101">
        <v>0.39696851260521904</v>
      </c>
      <c r="P87" s="102">
        <v>0.16529311934760302</v>
      </c>
      <c r="Q87" s="92">
        <v>0.10571792266304884</v>
      </c>
      <c r="R87" s="102">
        <v>0.20734732940983</v>
      </c>
      <c r="S87" s="92">
        <v>0.11325239798419062</v>
      </c>
      <c r="T87" s="102">
        <v>0.60463598925331319</v>
      </c>
      <c r="U87" s="92">
        <v>0.13227682710229138</v>
      </c>
      <c r="V87" s="91">
        <v>2.2723561989253401E-2</v>
      </c>
      <c r="W87" s="92">
        <v>6.2746732001073932E-2</v>
      </c>
      <c r="X87" s="99">
        <v>51</v>
      </c>
      <c r="Y87" s="100">
        <v>4.4223562713073008</v>
      </c>
      <c r="Z87" s="101">
        <v>0.43871023086619104</v>
      </c>
      <c r="AA87" s="102">
        <v>0.29724761543108325</v>
      </c>
      <c r="AB87" s="92">
        <v>0.12494463049254985</v>
      </c>
      <c r="AC87" s="102">
        <v>0.11828194241002719</v>
      </c>
      <c r="AD87" s="92">
        <v>9.5237358276129627E-2</v>
      </c>
      <c r="AE87" s="102">
        <v>0.53969867736643973</v>
      </c>
      <c r="AF87" s="92">
        <v>0.13447403626563117</v>
      </c>
      <c r="AG87" s="91">
        <v>4.4771764792449521E-2</v>
      </c>
      <c r="AH87" s="92">
        <v>7.2269239866443985E-2</v>
      </c>
      <c r="AI87" s="99">
        <v>51</v>
      </c>
      <c r="AJ87" s="100">
        <v>5.1454499563057556</v>
      </c>
      <c r="AK87" s="101">
        <v>0.38261900848190028</v>
      </c>
      <c r="AL87" s="102">
        <v>0.12402519155559631</v>
      </c>
      <c r="AM87" s="92">
        <v>9.6655450352761449E-2</v>
      </c>
      <c r="AN87" s="102">
        <v>0.15595939416033486</v>
      </c>
      <c r="AO87" s="92">
        <v>0.10382733120860345</v>
      </c>
      <c r="AP87" s="102">
        <v>0.72001541428406857</v>
      </c>
      <c r="AQ87" s="92">
        <v>0.12310473534992297</v>
      </c>
      <c r="AR87" s="91">
        <v>0</v>
      </c>
      <c r="AS87" s="92">
        <v>5.0482272182006148E-2</v>
      </c>
    </row>
    <row r="90" spans="1:45" ht="18.75">
      <c r="A90" s="336" t="s">
        <v>227</v>
      </c>
      <c r="B90" s="336"/>
      <c r="C90" s="336"/>
      <c r="D90" s="336"/>
      <c r="E90" s="336"/>
      <c r="F90" s="336"/>
      <c r="G90" s="336"/>
      <c r="H90" s="336"/>
      <c r="I90" s="336"/>
      <c r="J90" s="336"/>
      <c r="K90" s="336"/>
      <c r="L90" s="336"/>
      <c r="M90" s="336"/>
      <c r="N90" s="336"/>
      <c r="O90" s="336"/>
      <c r="P90" s="336"/>
      <c r="Q90" s="336"/>
      <c r="R90" s="336"/>
      <c r="S90" s="336"/>
      <c r="T90" s="336"/>
      <c r="U90" s="336"/>
      <c r="V90" s="336"/>
      <c r="W90" s="336"/>
      <c r="X90" s="336"/>
      <c r="Y90" s="336"/>
      <c r="Z90" s="336"/>
      <c r="AA90" s="336"/>
      <c r="AB90" s="336"/>
      <c r="AC90" s="336"/>
      <c r="AD90" s="336"/>
      <c r="AE90" s="336"/>
      <c r="AF90" s="336"/>
      <c r="AG90" s="336"/>
      <c r="AH90" s="336"/>
    </row>
    <row r="91" spans="1:45" ht="66" customHeight="1">
      <c r="A91" s="371" t="s">
        <v>528</v>
      </c>
      <c r="B91" s="371"/>
      <c r="C91" s="371"/>
      <c r="D91" s="371"/>
      <c r="E91" s="371"/>
      <c r="F91" s="371"/>
      <c r="G91" s="371"/>
      <c r="H91" s="371"/>
      <c r="I91" s="371"/>
      <c r="J91" s="371"/>
      <c r="K91" s="371"/>
      <c r="L91" s="371"/>
      <c r="M91" s="371"/>
      <c r="N91" s="371"/>
      <c r="O91" s="371"/>
      <c r="P91" s="371"/>
      <c r="Q91" s="371"/>
      <c r="R91" s="371"/>
      <c r="S91" s="371"/>
      <c r="T91" s="371"/>
      <c r="U91" s="371"/>
      <c r="V91" s="371"/>
      <c r="W91" s="371"/>
      <c r="X91" s="371"/>
      <c r="Y91" s="371"/>
      <c r="Z91" s="371"/>
      <c r="AA91" s="371"/>
      <c r="AB91" s="371"/>
      <c r="AC91" s="371"/>
      <c r="AD91" s="371"/>
      <c r="AE91" s="371"/>
      <c r="AF91" s="371"/>
      <c r="AG91" s="371"/>
      <c r="AH91" s="371"/>
    </row>
    <row r="92" spans="1:45" ht="45.75" customHeight="1">
      <c r="A92" s="104"/>
      <c r="B92" s="359" t="s">
        <v>320</v>
      </c>
      <c r="C92" s="360"/>
      <c r="D92" s="360"/>
      <c r="E92" s="360"/>
      <c r="F92" s="360"/>
      <c r="G92" s="360"/>
      <c r="H92" s="360"/>
      <c r="I92" s="360"/>
      <c r="J92" s="360"/>
      <c r="K92" s="360"/>
      <c r="L92" s="361"/>
      <c r="M92" s="365" t="s">
        <v>228</v>
      </c>
      <c r="N92" s="366"/>
      <c r="O92" s="366"/>
      <c r="P92" s="366"/>
      <c r="Q92" s="366"/>
      <c r="R92" s="366"/>
      <c r="S92" s="366"/>
      <c r="T92" s="366"/>
      <c r="U92" s="366"/>
      <c r="V92" s="366"/>
      <c r="W92" s="367"/>
      <c r="X92" s="359" t="s">
        <v>367</v>
      </c>
      <c r="Y92" s="360"/>
      <c r="Z92" s="360"/>
      <c r="AA92" s="360"/>
      <c r="AB92" s="360"/>
      <c r="AC92" s="360"/>
      <c r="AD92" s="360"/>
      <c r="AE92" s="360"/>
      <c r="AF92" s="360"/>
      <c r="AG92" s="360"/>
      <c r="AH92" s="361"/>
    </row>
    <row r="93" spans="1:45" ht="66" customHeight="1">
      <c r="A93" s="32" t="s">
        <v>71</v>
      </c>
      <c r="B93" s="33" t="s">
        <v>72</v>
      </c>
      <c r="C93" s="33" t="s">
        <v>589</v>
      </c>
      <c r="D93" s="250" t="s">
        <v>73</v>
      </c>
      <c r="E93" s="33" t="s">
        <v>156</v>
      </c>
      <c r="F93" s="84" t="s">
        <v>85</v>
      </c>
      <c r="G93" s="33" t="s">
        <v>157</v>
      </c>
      <c r="H93" s="84" t="s">
        <v>86</v>
      </c>
      <c r="I93" s="33" t="s">
        <v>158</v>
      </c>
      <c r="J93" s="84" t="s">
        <v>87</v>
      </c>
      <c r="K93" s="33" t="s">
        <v>301</v>
      </c>
      <c r="L93" s="84" t="s">
        <v>300</v>
      </c>
      <c r="M93" s="60" t="s">
        <v>72</v>
      </c>
      <c r="N93" s="60" t="s">
        <v>589</v>
      </c>
      <c r="O93" s="252" t="s">
        <v>73</v>
      </c>
      <c r="P93" s="60" t="s">
        <v>345</v>
      </c>
      <c r="Q93" s="83" t="s">
        <v>346</v>
      </c>
      <c r="R93" s="60" t="s">
        <v>342</v>
      </c>
      <c r="S93" s="83" t="s">
        <v>344</v>
      </c>
      <c r="T93" s="60" t="s">
        <v>347</v>
      </c>
      <c r="U93" s="83" t="s">
        <v>348</v>
      </c>
      <c r="V93" s="60" t="s">
        <v>301</v>
      </c>
      <c r="W93" s="83" t="s">
        <v>315</v>
      </c>
      <c r="X93" s="33" t="s">
        <v>72</v>
      </c>
      <c r="Y93" s="33" t="s">
        <v>589</v>
      </c>
      <c r="Z93" s="250" t="s">
        <v>73</v>
      </c>
      <c r="AA93" s="33" t="s">
        <v>368</v>
      </c>
      <c r="AB93" s="84" t="s">
        <v>369</v>
      </c>
      <c r="AC93" s="33" t="s">
        <v>370</v>
      </c>
      <c r="AD93" s="84" t="s">
        <v>371</v>
      </c>
      <c r="AE93" s="33" t="s">
        <v>372</v>
      </c>
      <c r="AF93" s="84" t="s">
        <v>373</v>
      </c>
      <c r="AG93" s="33" t="s">
        <v>301</v>
      </c>
      <c r="AH93" s="84" t="s">
        <v>300</v>
      </c>
    </row>
    <row r="94" spans="1:45" ht="99.75" customHeight="1">
      <c r="A94" s="36"/>
      <c r="B94" s="37" t="s">
        <v>74</v>
      </c>
      <c r="C94" s="37" t="s">
        <v>302</v>
      </c>
      <c r="D94" s="251" t="s">
        <v>76</v>
      </c>
      <c r="E94" s="37" t="s">
        <v>159</v>
      </c>
      <c r="F94" s="86" t="s">
        <v>88</v>
      </c>
      <c r="G94" s="37" t="s">
        <v>160</v>
      </c>
      <c r="H94" s="86" t="s">
        <v>88</v>
      </c>
      <c r="I94" s="37" t="s">
        <v>161</v>
      </c>
      <c r="J94" s="86" t="s">
        <v>88</v>
      </c>
      <c r="K94" s="37" t="s">
        <v>301</v>
      </c>
      <c r="L94" s="86" t="s">
        <v>88</v>
      </c>
      <c r="M94" s="63" t="s">
        <v>74</v>
      </c>
      <c r="N94" s="63" t="s">
        <v>303</v>
      </c>
      <c r="O94" s="253" t="s">
        <v>76</v>
      </c>
      <c r="P94" s="63" t="s">
        <v>341</v>
      </c>
      <c r="Q94" s="85" t="s">
        <v>88</v>
      </c>
      <c r="R94" s="63" t="s">
        <v>343</v>
      </c>
      <c r="S94" s="85" t="s">
        <v>88</v>
      </c>
      <c r="T94" s="63" t="s">
        <v>159</v>
      </c>
      <c r="U94" s="85" t="s">
        <v>88</v>
      </c>
      <c r="V94" s="63" t="s">
        <v>301</v>
      </c>
      <c r="W94" s="85" t="s">
        <v>88</v>
      </c>
      <c r="X94" s="37" t="s">
        <v>74</v>
      </c>
      <c r="Y94" s="37" t="s">
        <v>302</v>
      </c>
      <c r="Z94" s="251" t="s">
        <v>76</v>
      </c>
      <c r="AA94" s="37" t="s">
        <v>374</v>
      </c>
      <c r="AB94" s="86" t="s">
        <v>375</v>
      </c>
      <c r="AC94" s="37" t="s">
        <v>376</v>
      </c>
      <c r="AD94" s="86" t="s">
        <v>88</v>
      </c>
      <c r="AE94" s="37" t="s">
        <v>377</v>
      </c>
      <c r="AF94" s="86" t="s">
        <v>88</v>
      </c>
      <c r="AG94" s="37" t="s">
        <v>301</v>
      </c>
      <c r="AH94" s="86" t="s">
        <v>88</v>
      </c>
    </row>
    <row r="95" spans="1:45">
      <c r="A95" s="40" t="s">
        <v>349</v>
      </c>
      <c r="B95" s="107">
        <v>13860</v>
      </c>
      <c r="C95" s="42">
        <v>3.4344054400133501</v>
      </c>
      <c r="D95" s="43">
        <v>3.4901934531529712E-2</v>
      </c>
      <c r="E95" s="108">
        <v>0.52652880844819483</v>
      </c>
      <c r="F95" s="89">
        <v>8.4809386825359465E-3</v>
      </c>
      <c r="G95" s="108">
        <v>0.127734730114479</v>
      </c>
      <c r="H95" s="89">
        <v>5.671791781730307E-3</v>
      </c>
      <c r="I95" s="108">
        <v>0.31602429494402545</v>
      </c>
      <c r="J95" s="89">
        <v>7.8974322931968897E-3</v>
      </c>
      <c r="K95" s="88">
        <v>2.9712166493315654E-2</v>
      </c>
      <c r="L95" s="89">
        <v>2.8904282332363417E-3</v>
      </c>
      <c r="M95" s="107">
        <v>13927</v>
      </c>
      <c r="N95" s="42">
        <v>3.5790312707883745</v>
      </c>
      <c r="O95" s="43">
        <v>3.2156238078187627E-2</v>
      </c>
      <c r="P95" s="108">
        <v>0.14401396537196057</v>
      </c>
      <c r="Q95" s="89">
        <v>5.9511737220716236E-3</v>
      </c>
      <c r="R95" s="108">
        <v>0.33613620538888489</v>
      </c>
      <c r="S95" s="89">
        <v>8.0048093042382421E-3</v>
      </c>
      <c r="T95" s="108">
        <v>0.44604555289978853</v>
      </c>
      <c r="U95" s="89">
        <v>8.4230029339856776E-3</v>
      </c>
      <c r="V95" s="88">
        <v>7.3804276339382899E-2</v>
      </c>
      <c r="W95" s="89">
        <v>4.4336566255393272E-3</v>
      </c>
      <c r="X95" s="107">
        <v>13919</v>
      </c>
      <c r="Y95" s="42">
        <v>2.0177609801573295</v>
      </c>
      <c r="Z95" s="43">
        <v>2.0367340202541478E-2</v>
      </c>
      <c r="AA95" s="108">
        <v>0.68393995197501301</v>
      </c>
      <c r="AB95" s="89">
        <v>7.8809195994037958E-3</v>
      </c>
      <c r="AC95" s="108">
        <v>0.13351294498901081</v>
      </c>
      <c r="AD95" s="89">
        <v>5.7670152588268639E-3</v>
      </c>
      <c r="AE95" s="108">
        <v>0.14884870366073591</v>
      </c>
      <c r="AF95" s="89">
        <v>6.0347721819283343E-3</v>
      </c>
      <c r="AG95" s="88">
        <v>3.3698399375253284E-2</v>
      </c>
      <c r="AH95" s="89">
        <v>3.0644744644798606E-3</v>
      </c>
    </row>
    <row r="96" spans="1:45">
      <c r="A96" s="44" t="s">
        <v>350</v>
      </c>
      <c r="B96" s="109">
        <v>10153</v>
      </c>
      <c r="C96" s="46">
        <v>3.177751594024719</v>
      </c>
      <c r="D96" s="47">
        <v>4.03678665594569E-2</v>
      </c>
      <c r="E96" s="110">
        <v>0.58848719488128598</v>
      </c>
      <c r="F96" s="92">
        <v>9.7659159841971162E-3</v>
      </c>
      <c r="G96" s="110">
        <v>0.11527214411866142</v>
      </c>
      <c r="H96" s="92">
        <v>6.3410670281532685E-3</v>
      </c>
      <c r="I96" s="110">
        <v>0.27010593416162559</v>
      </c>
      <c r="J96" s="92">
        <v>8.8123164628331127E-3</v>
      </c>
      <c r="K96" s="91">
        <v>2.6134726838419383E-2</v>
      </c>
      <c r="L96" s="92">
        <v>3.1769407662610837E-3</v>
      </c>
      <c r="M96" s="109">
        <v>10152</v>
      </c>
      <c r="N96" s="46">
        <v>3.7864873783669335</v>
      </c>
      <c r="O96" s="47">
        <v>3.8269137389477188E-2</v>
      </c>
      <c r="P96" s="110">
        <v>0.19346062009017703</v>
      </c>
      <c r="Q96" s="92">
        <v>7.8411667617184523E-3</v>
      </c>
      <c r="R96" s="110">
        <v>0.3273272481485836</v>
      </c>
      <c r="S96" s="92">
        <v>9.3128970879132536E-3</v>
      </c>
      <c r="T96" s="110">
        <v>0.40498913371523143</v>
      </c>
      <c r="U96" s="92">
        <v>9.7422482007348092E-3</v>
      </c>
      <c r="V96" s="91">
        <v>7.4222998046008404E-2</v>
      </c>
      <c r="W96" s="92">
        <v>5.2076502345800519E-3</v>
      </c>
      <c r="X96" s="109">
        <v>10246</v>
      </c>
      <c r="Y96" s="46">
        <v>1.8433284416922264</v>
      </c>
      <c r="Z96" s="47">
        <v>2.2634443350480385E-2</v>
      </c>
      <c r="AA96" s="110">
        <v>0.74628473448186683</v>
      </c>
      <c r="AB96" s="92">
        <v>8.5970196021115299E-3</v>
      </c>
      <c r="AC96" s="110">
        <v>0.1025123468959812</v>
      </c>
      <c r="AD96" s="92">
        <v>5.9959939751275289E-3</v>
      </c>
      <c r="AE96" s="110">
        <v>0.12194513242785499</v>
      </c>
      <c r="AF96" s="92">
        <v>6.4675112093465943E-3</v>
      </c>
      <c r="AG96" s="91">
        <v>2.9257786194288496E-2</v>
      </c>
      <c r="AH96" s="92">
        <v>3.3393260083266017E-3</v>
      </c>
    </row>
    <row r="97" spans="1:34">
      <c r="A97" s="40" t="s">
        <v>351</v>
      </c>
      <c r="B97" s="78">
        <v>3707</v>
      </c>
      <c r="C97" s="42">
        <v>3.6431446113090811</v>
      </c>
      <c r="D97" s="43">
        <v>6.6689194060784218E-2</v>
      </c>
      <c r="E97" s="93">
        <v>0.47647208735410329</v>
      </c>
      <c r="F97" s="89">
        <v>1.6397370494217311E-2</v>
      </c>
      <c r="G97" s="93">
        <v>0.13780336209825444</v>
      </c>
      <c r="H97" s="89">
        <v>1.1330095210914055E-2</v>
      </c>
      <c r="I97" s="93">
        <v>0.35312213933774822</v>
      </c>
      <c r="J97" s="89">
        <v>1.5692867841079195E-2</v>
      </c>
      <c r="K97" s="88">
        <v>3.2602411209894024E-2</v>
      </c>
      <c r="L97" s="89">
        <v>5.8739280815192666E-3</v>
      </c>
      <c r="M97" s="78">
        <v>3775</v>
      </c>
      <c r="N97" s="42">
        <v>3.4146449559148517</v>
      </c>
      <c r="O97" s="43">
        <v>5.5997310724006197E-2</v>
      </c>
      <c r="P97" s="93">
        <v>0.10480111529791597</v>
      </c>
      <c r="Q97" s="89">
        <v>9.9826946460275529E-3</v>
      </c>
      <c r="R97" s="93">
        <v>0.34312200294264111</v>
      </c>
      <c r="S97" s="89">
        <v>1.5447505329471686E-2</v>
      </c>
      <c r="T97" s="93">
        <v>0.47860466573027421</v>
      </c>
      <c r="U97" s="89">
        <v>1.625228489954917E-2</v>
      </c>
      <c r="V97" s="88">
        <v>7.3472216029168771E-2</v>
      </c>
      <c r="W97" s="89">
        <v>8.5124926347808164E-3</v>
      </c>
      <c r="X97" s="78">
        <v>3673</v>
      </c>
      <c r="Y97" s="42">
        <v>2.163001839596332</v>
      </c>
      <c r="Z97" s="43">
        <v>4.2903441087517251E-2</v>
      </c>
      <c r="AA97" s="93">
        <v>0.63246224877067336</v>
      </c>
      <c r="AB97" s="89">
        <v>1.5903294473592011E-2</v>
      </c>
      <c r="AC97" s="93">
        <v>0.15910994803595579</v>
      </c>
      <c r="AD97" s="89">
        <v>1.2075668547078908E-2</v>
      </c>
      <c r="AE97" s="93">
        <v>0.17106281684510571</v>
      </c>
      <c r="AF97" s="89">
        <v>1.2430305465520444E-2</v>
      </c>
      <c r="AG97" s="88">
        <v>3.7364986348263976E-2</v>
      </c>
      <c r="AH97" s="89">
        <v>6.295614559716012E-3</v>
      </c>
    </row>
    <row r="98" spans="1:34">
      <c r="A98" s="44" t="s">
        <v>533</v>
      </c>
      <c r="B98" s="109">
        <v>3195</v>
      </c>
      <c r="C98" s="46">
        <v>3.3687511364482305</v>
      </c>
      <c r="D98" s="47">
        <v>7.1110090540821458E-2</v>
      </c>
      <c r="E98" s="110">
        <v>0.53560930174717325</v>
      </c>
      <c r="F98" s="92">
        <v>1.7635649290744546E-2</v>
      </c>
      <c r="G98" s="110">
        <v>0.11501592524909579</v>
      </c>
      <c r="H98" s="92">
        <v>1.1302080139667783E-2</v>
      </c>
      <c r="I98" s="110">
        <v>0.30984993632876701</v>
      </c>
      <c r="J98" s="92">
        <v>1.6355434597123901E-2</v>
      </c>
      <c r="K98" s="91">
        <v>3.9524836674958673E-2</v>
      </c>
      <c r="L98" s="92">
        <v>6.9376314648695488E-3</v>
      </c>
      <c r="M98" s="109">
        <v>3193</v>
      </c>
      <c r="N98" s="46">
        <v>3.4728011903659044</v>
      </c>
      <c r="O98" s="47">
        <v>6.8139357541163154E-2</v>
      </c>
      <c r="P98" s="110">
        <v>0.13822518022579663</v>
      </c>
      <c r="Q98" s="92">
        <v>1.2224891127064673E-2</v>
      </c>
      <c r="R98" s="110">
        <v>0.32765168118088789</v>
      </c>
      <c r="S98" s="92">
        <v>1.6604861152028721E-2</v>
      </c>
      <c r="T98" s="110">
        <v>0.45560575054987856</v>
      </c>
      <c r="U98" s="92">
        <v>1.7616286123573629E-2</v>
      </c>
      <c r="V98" s="91">
        <v>7.8517388043431696E-2</v>
      </c>
      <c r="W98" s="92">
        <v>9.5436481737051614E-3</v>
      </c>
      <c r="X98" s="109">
        <v>3209</v>
      </c>
      <c r="Y98" s="46">
        <v>1.9617708968130216</v>
      </c>
      <c r="Z98" s="47">
        <v>4.0116328672756468E-2</v>
      </c>
      <c r="AA98" s="110">
        <v>0.69724388981475582</v>
      </c>
      <c r="AB98" s="92">
        <v>1.6214852846199806E-2</v>
      </c>
      <c r="AC98" s="110">
        <v>0.12698648521957476</v>
      </c>
      <c r="AD98" s="92">
        <v>1.1766328619414752E-2</v>
      </c>
      <c r="AE98" s="110">
        <v>0.13356061667975369</v>
      </c>
      <c r="AF98" s="92">
        <v>1.2020125594044532E-2</v>
      </c>
      <c r="AG98" s="91">
        <v>4.2209008285913771E-2</v>
      </c>
      <c r="AH98" s="92">
        <v>7.1399591132232801E-3</v>
      </c>
    </row>
    <row r="99" spans="1:34">
      <c r="A99" s="40" t="s">
        <v>534</v>
      </c>
      <c r="B99" s="78">
        <v>2511</v>
      </c>
      <c r="C99" s="42">
        <v>2.8235691292318905</v>
      </c>
      <c r="D99" s="43">
        <v>7.7995673720977779E-2</v>
      </c>
      <c r="E99" s="93">
        <v>0.66226876872315832</v>
      </c>
      <c r="F99" s="89">
        <v>1.8864486383224372E-2</v>
      </c>
      <c r="G99" s="93">
        <v>9.7620814249418805E-2</v>
      </c>
      <c r="H99" s="89">
        <v>1.1871117029881011E-2</v>
      </c>
      <c r="I99" s="93">
        <v>0.21387573659425821</v>
      </c>
      <c r="J99" s="89">
        <v>1.63652694868557E-2</v>
      </c>
      <c r="K99" s="88">
        <v>2.6234680433166319E-2</v>
      </c>
      <c r="L99" s="89">
        <v>6.4625942328106452E-3</v>
      </c>
      <c r="M99" s="78">
        <v>2495</v>
      </c>
      <c r="N99" s="42">
        <v>3.6925314174364261</v>
      </c>
      <c r="O99" s="43">
        <v>7.7369548513730638E-2</v>
      </c>
      <c r="P99" s="93">
        <v>0.17926179713152252</v>
      </c>
      <c r="Q99" s="89">
        <v>1.5363076410544369E-2</v>
      </c>
      <c r="R99" s="93">
        <v>0.32849485658158994</v>
      </c>
      <c r="S99" s="89">
        <v>1.8794398326458722E-2</v>
      </c>
      <c r="T99" s="93">
        <v>0.41345940090990119</v>
      </c>
      <c r="U99" s="89">
        <v>1.9703065080770282E-2</v>
      </c>
      <c r="V99" s="88">
        <v>7.8783945376987283E-2</v>
      </c>
      <c r="W99" s="89">
        <v>1.0820264763715544E-2</v>
      </c>
      <c r="X99" s="78">
        <v>2530</v>
      </c>
      <c r="Y99" s="42">
        <v>1.6283875561515107</v>
      </c>
      <c r="Z99" s="43">
        <v>4.1993555809024363E-2</v>
      </c>
      <c r="AA99" s="93">
        <v>0.8223531430997898</v>
      </c>
      <c r="AB99" s="89">
        <v>1.5202721042409023E-2</v>
      </c>
      <c r="AC99" s="93">
        <v>6.3799387754140485E-2</v>
      </c>
      <c r="AD99" s="89">
        <v>9.7586704325839588E-3</v>
      </c>
      <c r="AE99" s="93">
        <v>8.8724844465041641E-2</v>
      </c>
      <c r="AF99" s="89">
        <v>1.1334501718885379E-2</v>
      </c>
      <c r="AG99" s="88">
        <v>2.5122624681032962E-2</v>
      </c>
      <c r="AH99" s="89">
        <v>6.3074180298634064E-3</v>
      </c>
    </row>
    <row r="100" spans="1:34">
      <c r="A100" s="44" t="s">
        <v>535</v>
      </c>
      <c r="B100" s="109">
        <v>485</v>
      </c>
      <c r="C100" s="46">
        <v>2.7405114334378142</v>
      </c>
      <c r="D100" s="47">
        <v>0.16625505185130351</v>
      </c>
      <c r="E100" s="110">
        <v>0.66915782425662418</v>
      </c>
      <c r="F100" s="92">
        <v>4.2599753698056936E-2</v>
      </c>
      <c r="G100" s="110">
        <v>0.10127613565835444</v>
      </c>
      <c r="H100" s="92">
        <v>2.7671688100333658E-2</v>
      </c>
      <c r="I100" s="110">
        <v>0.21132228660777916</v>
      </c>
      <c r="J100" s="92">
        <v>3.7073182761474748E-2</v>
      </c>
      <c r="K100" s="91">
        <v>1.8243753477244232E-2</v>
      </c>
      <c r="L100" s="92">
        <v>1.3320755161869816E-2</v>
      </c>
      <c r="M100" s="109">
        <v>486</v>
      </c>
      <c r="N100" s="46">
        <v>3.5010981139688653</v>
      </c>
      <c r="O100" s="47">
        <v>0.18559195180093399</v>
      </c>
      <c r="P100" s="110">
        <v>0.17530356213424397</v>
      </c>
      <c r="Q100" s="92">
        <v>3.4556840779505944E-2</v>
      </c>
      <c r="R100" s="110">
        <v>0.29222082260817356</v>
      </c>
      <c r="S100" s="92">
        <v>4.1159697795519361E-2</v>
      </c>
      <c r="T100" s="110">
        <v>0.45885318286520665</v>
      </c>
      <c r="U100" s="92">
        <v>4.5024661579804282E-2</v>
      </c>
      <c r="V100" s="91">
        <v>7.36224323923797E-2</v>
      </c>
      <c r="W100" s="92">
        <v>2.4101517078651033E-2</v>
      </c>
      <c r="X100" s="109">
        <v>492</v>
      </c>
      <c r="Y100" s="46">
        <v>1.6332728601578601</v>
      </c>
      <c r="Z100" s="47">
        <v>9.5246666370057922E-2</v>
      </c>
      <c r="AA100" s="110">
        <v>0.82134958285779092</v>
      </c>
      <c r="AB100" s="92">
        <v>3.4593643718923629E-2</v>
      </c>
      <c r="AC100" s="110">
        <v>5.6931923965335515E-2</v>
      </c>
      <c r="AD100" s="92">
        <v>2.1410766077345714E-2</v>
      </c>
      <c r="AE100" s="110">
        <v>9.4202549017844084E-2</v>
      </c>
      <c r="AF100" s="92">
        <v>2.6635792104934389E-2</v>
      </c>
      <c r="AG100" s="91">
        <v>2.7515944159030664E-2</v>
      </c>
      <c r="AH100" s="92">
        <v>1.5643447152020838E-2</v>
      </c>
    </row>
    <row r="101" spans="1:34">
      <c r="A101" s="40" t="s">
        <v>536</v>
      </c>
      <c r="B101" s="78">
        <v>88</v>
      </c>
      <c r="C101" s="42">
        <v>2.2209002142186396</v>
      </c>
      <c r="D101" s="43">
        <v>0.29808656066471156</v>
      </c>
      <c r="E101" s="93">
        <v>0.75814411504366674</v>
      </c>
      <c r="F101" s="89">
        <v>9.0657091016530592E-2</v>
      </c>
      <c r="G101" s="93">
        <v>0.14022814166708339</v>
      </c>
      <c r="H101" s="89">
        <v>7.5634940140244244E-2</v>
      </c>
      <c r="I101" s="93">
        <v>8.4116272242432205E-2</v>
      </c>
      <c r="J101" s="89">
        <v>6.316083913068192E-2</v>
      </c>
      <c r="K101" s="88">
        <v>1.7511471046817759E-2</v>
      </c>
      <c r="L101" s="89">
        <v>4.0112782363037107E-2</v>
      </c>
      <c r="M101" s="78">
        <v>89</v>
      </c>
      <c r="N101" s="42">
        <v>3.3393363764954778</v>
      </c>
      <c r="O101" s="43">
        <v>0.41698269139902217</v>
      </c>
      <c r="P101" s="93">
        <v>0.15944904808417193</v>
      </c>
      <c r="Q101" s="89">
        <v>7.8640831568954905E-2</v>
      </c>
      <c r="R101" s="93">
        <v>0.24141329771838257</v>
      </c>
      <c r="S101" s="89">
        <v>9.0104175175826348E-2</v>
      </c>
      <c r="T101" s="93">
        <v>0.56072585524605811</v>
      </c>
      <c r="U101" s="89">
        <v>0.10299238182656162</v>
      </c>
      <c r="V101" s="88">
        <v>3.8411798951387272E-2</v>
      </c>
      <c r="W101" s="89">
        <v>4.8579936690905337E-2</v>
      </c>
      <c r="X101" s="78">
        <v>89</v>
      </c>
      <c r="Y101" s="42">
        <v>1.5064984284575758</v>
      </c>
      <c r="Z101" s="43">
        <v>0.18544580924815074</v>
      </c>
      <c r="AA101" s="93">
        <v>0.83620615243160301</v>
      </c>
      <c r="AB101" s="89">
        <v>7.9373818727862921E-2</v>
      </c>
      <c r="AC101" s="93">
        <v>0.13075679721155065</v>
      </c>
      <c r="AD101" s="89">
        <v>7.3363275267441949E-2</v>
      </c>
      <c r="AE101" s="93">
        <v>3.3037050356846259E-2</v>
      </c>
      <c r="AF101" s="89">
        <v>4.6512612160283261E-2</v>
      </c>
      <c r="AG101" s="88">
        <v>0</v>
      </c>
      <c r="AH101" s="89">
        <v>3.0084393934100805E-2</v>
      </c>
    </row>
    <row r="102" spans="1:34">
      <c r="A102" s="44" t="s">
        <v>537</v>
      </c>
      <c r="B102" s="109">
        <v>139</v>
      </c>
      <c r="C102" s="46">
        <v>2.6252705337820186</v>
      </c>
      <c r="D102" s="47">
        <v>0.30696770637001686</v>
      </c>
      <c r="E102" s="110">
        <v>0.7007038162415925</v>
      </c>
      <c r="F102" s="92">
        <v>7.6996049266126687E-2</v>
      </c>
      <c r="G102" s="110">
        <v>8.0500272864118413E-2</v>
      </c>
      <c r="H102" s="92">
        <v>4.83944521652332E-2</v>
      </c>
      <c r="I102" s="110">
        <v>0.18264552917314936</v>
      </c>
      <c r="J102" s="92">
        <v>6.581212498854444E-2</v>
      </c>
      <c r="K102" s="91">
        <v>3.6150381721139387E-2</v>
      </c>
      <c r="L102" s="92">
        <v>3.6147294365258403E-2</v>
      </c>
      <c r="M102" s="109">
        <v>137</v>
      </c>
      <c r="N102" s="46">
        <v>4.0158861096417873</v>
      </c>
      <c r="O102" s="47">
        <v>0.3044560412135166</v>
      </c>
      <c r="P102" s="110">
        <v>0.17946526184656744</v>
      </c>
      <c r="Q102" s="92">
        <v>6.5882801247904049E-2</v>
      </c>
      <c r="R102" s="110">
        <v>0.38041444351040243</v>
      </c>
      <c r="S102" s="92">
        <v>8.1909684421569581E-2</v>
      </c>
      <c r="T102" s="110">
        <v>0.34888133239666053</v>
      </c>
      <c r="U102" s="92">
        <v>8.0502055365881342E-2</v>
      </c>
      <c r="V102" s="91">
        <v>9.123896224636957E-2</v>
      </c>
      <c r="W102" s="92">
        <v>5.1159596953390049E-2</v>
      </c>
      <c r="X102" s="109">
        <v>140</v>
      </c>
      <c r="Y102" s="46">
        <v>1.494689660394616</v>
      </c>
      <c r="Z102" s="47">
        <v>0.154508071184355</v>
      </c>
      <c r="AA102" s="110">
        <v>0.84581191953538049</v>
      </c>
      <c r="AB102" s="92">
        <v>6.168141793252449E-2</v>
      </c>
      <c r="AC102" s="110">
        <v>3.894661240035753E-2</v>
      </c>
      <c r="AD102" s="92">
        <v>3.6921542401375566E-2</v>
      </c>
      <c r="AE102" s="110">
        <v>5.3579199678271287E-2</v>
      </c>
      <c r="AF102" s="92">
        <v>4.1374457509252185E-2</v>
      </c>
      <c r="AG102" s="91">
        <v>6.1662268385990197E-2</v>
      </c>
      <c r="AH102" s="92">
        <v>4.3584598294210353E-2</v>
      </c>
    </row>
    <row r="103" spans="1:34">
      <c r="A103" s="40" t="s">
        <v>538</v>
      </c>
      <c r="B103" s="78">
        <v>106</v>
      </c>
      <c r="C103" s="42">
        <v>3.1134392680110472</v>
      </c>
      <c r="D103" s="43">
        <v>0.36837218233903429</v>
      </c>
      <c r="E103" s="93">
        <v>0.56640127051706779</v>
      </c>
      <c r="F103" s="89">
        <v>9.4562284414842671E-2</v>
      </c>
      <c r="G103" s="93">
        <v>0.12917075439761405</v>
      </c>
      <c r="H103" s="89">
        <v>6.6689204691051371E-2</v>
      </c>
      <c r="I103" s="93">
        <v>0.28450120012124819</v>
      </c>
      <c r="J103" s="89">
        <v>8.6733928445515765E-2</v>
      </c>
      <c r="K103" s="88">
        <v>1.9926774964069485E-2</v>
      </c>
      <c r="L103" s="89">
        <v>3.6174536976992543E-2</v>
      </c>
      <c r="M103" s="78">
        <v>106</v>
      </c>
      <c r="N103" s="42">
        <v>5.1172550908676664</v>
      </c>
      <c r="O103" s="43">
        <v>0.304405230964092</v>
      </c>
      <c r="P103" s="93">
        <v>0.45344527732113721</v>
      </c>
      <c r="Q103" s="89">
        <v>9.496169883920956E-2</v>
      </c>
      <c r="R103" s="93">
        <v>0.37499368117890974</v>
      </c>
      <c r="S103" s="89">
        <v>9.2537802700160335E-2</v>
      </c>
      <c r="T103" s="93">
        <v>0.11268642584076932</v>
      </c>
      <c r="U103" s="89">
        <v>6.3446407446047057E-2</v>
      </c>
      <c r="V103" s="88">
        <v>5.8874615659183248E-2</v>
      </c>
      <c r="W103" s="89">
        <v>5.0200760871994377E-2</v>
      </c>
      <c r="X103" s="78">
        <v>108</v>
      </c>
      <c r="Y103" s="42">
        <v>1.7582573767958418</v>
      </c>
      <c r="Z103" s="43">
        <v>0.21068050099234573</v>
      </c>
      <c r="AA103" s="93">
        <v>0.78883911293019859</v>
      </c>
      <c r="AB103" s="89">
        <v>7.8473084275458349E-2</v>
      </c>
      <c r="AC103" s="93">
        <v>9.6482715569375571E-2</v>
      </c>
      <c r="AD103" s="89">
        <v>5.9340590017501547E-2</v>
      </c>
      <c r="AE103" s="93">
        <v>9.9312156888332115E-2</v>
      </c>
      <c r="AF103" s="89">
        <v>5.9973916595278003E-2</v>
      </c>
      <c r="AG103" s="88">
        <v>1.536601461209347E-2</v>
      </c>
      <c r="AH103" s="89">
        <v>3.3597808547588946E-2</v>
      </c>
    </row>
    <row r="104" spans="1:34">
      <c r="A104" s="44" t="s">
        <v>539</v>
      </c>
      <c r="B104" s="109">
        <v>152</v>
      </c>
      <c r="C104" s="46">
        <v>2.8305013874069767</v>
      </c>
      <c r="D104" s="47">
        <v>0.32456560991394284</v>
      </c>
      <c r="E104" s="110">
        <v>0.66528564328431117</v>
      </c>
      <c r="F104" s="92">
        <v>7.5797247545235036E-2</v>
      </c>
      <c r="G104" s="110">
        <v>8.489417763363738E-2</v>
      </c>
      <c r="H104" s="92">
        <v>4.7070711441100366E-2</v>
      </c>
      <c r="I104" s="110">
        <v>0.24293445275825537</v>
      </c>
      <c r="J104" s="92">
        <v>6.9293636391636632E-2</v>
      </c>
      <c r="K104" s="91">
        <v>6.88572632379599E-3</v>
      </c>
      <c r="L104" s="92">
        <v>2.2158099507597086E-2</v>
      </c>
      <c r="M104" s="109">
        <v>154</v>
      </c>
      <c r="N104" s="46">
        <v>2.4599217410765326</v>
      </c>
      <c r="O104" s="47">
        <v>0.2869506981764367</v>
      </c>
      <c r="P104" s="110">
        <v>4.4533151589486474E-2</v>
      </c>
      <c r="Q104" s="92">
        <v>3.6602825686513719E-2</v>
      </c>
      <c r="R104" s="110">
        <v>0.21967413935796112</v>
      </c>
      <c r="S104" s="92">
        <v>6.6626848979545156E-2</v>
      </c>
      <c r="T104" s="110">
        <v>0.65158560527567189</v>
      </c>
      <c r="U104" s="92">
        <v>7.6003086207972442E-2</v>
      </c>
      <c r="V104" s="91">
        <v>8.4207103776880232E-2</v>
      </c>
      <c r="W104" s="92">
        <v>4.6595232280012173E-2</v>
      </c>
      <c r="X104" s="109">
        <v>155</v>
      </c>
      <c r="Y104" s="46">
        <v>1.702783874886812</v>
      </c>
      <c r="Z104" s="47">
        <v>0.19777800554662667</v>
      </c>
      <c r="AA104" s="110">
        <v>0.81672647360646833</v>
      </c>
      <c r="AB104" s="92">
        <v>6.237806848577794E-2</v>
      </c>
      <c r="AC104" s="110">
        <v>1.9299757255129869E-2</v>
      </c>
      <c r="AD104" s="92">
        <v>2.7657989575733906E-2</v>
      </c>
      <c r="AE104" s="110">
        <v>0.14029099615977314</v>
      </c>
      <c r="AF104" s="92">
        <v>5.6532455254819175E-2</v>
      </c>
      <c r="AG104" s="91">
        <v>2.3682772978628541E-2</v>
      </c>
      <c r="AH104" s="92">
        <v>2.9415078296808003E-2</v>
      </c>
    </row>
    <row r="105" spans="1:34">
      <c r="A105" s="40" t="s">
        <v>540</v>
      </c>
      <c r="B105" s="107">
        <v>341</v>
      </c>
      <c r="C105" s="42">
        <v>2.9565557436537762</v>
      </c>
      <c r="D105" s="43">
        <v>0.21802843680064155</v>
      </c>
      <c r="E105" s="108">
        <v>0.66134351617163678</v>
      </c>
      <c r="F105" s="89">
        <v>5.1026381898640512E-2</v>
      </c>
      <c r="G105" s="108">
        <v>9.8402277129716442E-2</v>
      </c>
      <c r="H105" s="89">
        <v>3.2737414977481755E-2</v>
      </c>
      <c r="I105" s="108">
        <v>0.22611582120409818</v>
      </c>
      <c r="J105" s="89">
        <v>4.5264670204167218E-2</v>
      </c>
      <c r="K105" s="88">
        <v>1.4138385494550315E-2</v>
      </c>
      <c r="L105" s="89">
        <v>1.499010259180051E-2</v>
      </c>
      <c r="M105" s="107">
        <v>340</v>
      </c>
      <c r="N105" s="42">
        <v>4.0105793619364247</v>
      </c>
      <c r="O105" s="43">
        <v>0.2075312066791902</v>
      </c>
      <c r="P105" s="108">
        <v>0.2646620965558622</v>
      </c>
      <c r="Q105" s="89">
        <v>4.7727007271269925E-2</v>
      </c>
      <c r="R105" s="108">
        <v>0.34134634088250643</v>
      </c>
      <c r="S105" s="89">
        <v>5.1196269035939872E-2</v>
      </c>
      <c r="T105" s="108">
        <v>0.36048145630353007</v>
      </c>
      <c r="U105" s="89">
        <v>5.1825358383907193E-2</v>
      </c>
      <c r="V105" s="88">
        <v>3.3510106258101684E-2</v>
      </c>
      <c r="W105" s="89">
        <v>2.0859028292540414E-2</v>
      </c>
      <c r="X105" s="107">
        <v>342</v>
      </c>
      <c r="Y105" s="42">
        <v>1.6284485388379872</v>
      </c>
      <c r="Z105" s="43">
        <v>0.11767055650131865</v>
      </c>
      <c r="AA105" s="108">
        <v>0.82116880474669485</v>
      </c>
      <c r="AB105" s="89">
        <v>4.1534409473129676E-2</v>
      </c>
      <c r="AC105" s="108">
        <v>7.5557296285543613E-2</v>
      </c>
      <c r="AD105" s="89">
        <v>2.9246741665591432E-2</v>
      </c>
      <c r="AE105" s="108">
        <v>8.4283879897378108E-2</v>
      </c>
      <c r="AF105" s="89">
        <v>3.062977618028169E-2</v>
      </c>
      <c r="AG105" s="88">
        <v>1.8990019070385923E-2</v>
      </c>
      <c r="AH105" s="89">
        <v>1.6639004575798595E-2</v>
      </c>
    </row>
    <row r="106" spans="1:34">
      <c r="A106" s="44" t="s">
        <v>541</v>
      </c>
      <c r="B106" s="109">
        <v>112</v>
      </c>
      <c r="C106" s="46">
        <v>3.3425697982861231</v>
      </c>
      <c r="D106" s="47">
        <v>0.3919442677797656</v>
      </c>
      <c r="E106" s="110">
        <v>0.58207756975019675</v>
      </c>
      <c r="F106" s="92">
        <v>9.1674059817631007E-2</v>
      </c>
      <c r="G106" s="110">
        <v>9.9553773901463763E-2</v>
      </c>
      <c r="H106" s="92">
        <v>5.887194210635921E-2</v>
      </c>
      <c r="I106" s="110">
        <v>0.29674369121245392</v>
      </c>
      <c r="J106" s="92">
        <v>8.5397030211900662E-2</v>
      </c>
      <c r="K106" s="91">
        <v>2.1624965135886142E-2</v>
      </c>
      <c r="L106" s="92">
        <v>3.5558340396046467E-2</v>
      </c>
      <c r="M106" s="109">
        <v>111</v>
      </c>
      <c r="N106" s="46">
        <v>4.9849859053787302</v>
      </c>
      <c r="O106" s="47">
        <v>0.31059577680993478</v>
      </c>
      <c r="P106" s="110">
        <v>0.37948603713244206</v>
      </c>
      <c r="Q106" s="92">
        <v>9.0691862844295437E-2</v>
      </c>
      <c r="R106" s="110">
        <v>0.44558923256537847</v>
      </c>
      <c r="S106" s="92">
        <v>9.2734654030658628E-2</v>
      </c>
      <c r="T106" s="110">
        <v>0.10482613330501458</v>
      </c>
      <c r="U106" s="92">
        <v>6.0292664610883388E-2</v>
      </c>
      <c r="V106" s="91">
        <v>7.0098596997165197E-2</v>
      </c>
      <c r="W106" s="92">
        <v>5.2026046796615509E-2</v>
      </c>
      <c r="X106" s="109">
        <v>113</v>
      </c>
      <c r="Y106" s="46">
        <v>1.5781956094046203</v>
      </c>
      <c r="Z106" s="47">
        <v>0.18914563124698341</v>
      </c>
      <c r="AA106" s="110">
        <v>0.82879699846969335</v>
      </c>
      <c r="AB106" s="92">
        <v>7.1410248240534865E-2</v>
      </c>
      <c r="AC106" s="110">
        <v>8.5648690364233213E-2</v>
      </c>
      <c r="AD106" s="92">
        <v>5.5424269820543624E-2</v>
      </c>
      <c r="AE106" s="110">
        <v>7.31372115545742E-2</v>
      </c>
      <c r="AF106" s="92">
        <v>5.230878598974386E-2</v>
      </c>
      <c r="AG106" s="91">
        <v>1.2417099611499513E-2</v>
      </c>
      <c r="AH106" s="92">
        <v>3.1072328169082522E-2</v>
      </c>
    </row>
    <row r="107" spans="1:34">
      <c r="A107" s="40" t="s">
        <v>542</v>
      </c>
      <c r="B107" s="78">
        <v>95</v>
      </c>
      <c r="C107" s="42">
        <v>2.7109723211372128</v>
      </c>
      <c r="D107" s="43">
        <v>0.40375674416360424</v>
      </c>
      <c r="E107" s="93">
        <v>0.70991708911398799</v>
      </c>
      <c r="F107" s="89">
        <v>9.1986758567107349E-2</v>
      </c>
      <c r="G107" s="93">
        <v>0.11327936490046411</v>
      </c>
      <c r="H107" s="89">
        <v>6.7356457517258536E-2</v>
      </c>
      <c r="I107" s="93">
        <v>0.1768035459855487</v>
      </c>
      <c r="J107" s="89">
        <v>7.8833519473796576E-2</v>
      </c>
      <c r="K107" s="93">
        <v>0</v>
      </c>
      <c r="L107" s="89">
        <v>2.8279912978147775E-2</v>
      </c>
      <c r="M107" s="78">
        <v>95</v>
      </c>
      <c r="N107" s="42">
        <v>3.0053691688290352</v>
      </c>
      <c r="O107" s="43">
        <v>0.36298448176358433</v>
      </c>
      <c r="P107" s="93">
        <v>9.8857708610599684E-2</v>
      </c>
      <c r="Q107" s="89">
        <v>6.4141703524095192E-2</v>
      </c>
      <c r="R107" s="93">
        <v>0.28812116177365937</v>
      </c>
      <c r="S107" s="89">
        <v>9.1819269017087535E-2</v>
      </c>
      <c r="T107" s="93">
        <v>0.60524454684580598</v>
      </c>
      <c r="U107" s="89">
        <v>9.8432270119434812E-2</v>
      </c>
      <c r="V107" s="93">
        <v>7.7765827699359932E-3</v>
      </c>
      <c r="W107" s="89">
        <v>3.2967127007557571E-2</v>
      </c>
      <c r="X107" s="78">
        <v>95</v>
      </c>
      <c r="Y107" s="42">
        <v>1.6375908525783429</v>
      </c>
      <c r="Z107" s="43">
        <v>0.24402336729054377</v>
      </c>
      <c r="AA107" s="93">
        <v>0.85948378523496172</v>
      </c>
      <c r="AB107" s="89">
        <v>7.2753397981437415E-2</v>
      </c>
      <c r="AC107" s="93">
        <v>5.344151913405111E-2</v>
      </c>
      <c r="AD107" s="89">
        <v>5.1785994318655444E-2</v>
      </c>
      <c r="AE107" s="93">
        <v>8.7074695630987589E-2</v>
      </c>
      <c r="AF107" s="89">
        <v>6.1296665712429324E-2</v>
      </c>
      <c r="AG107" s="93">
        <v>0</v>
      </c>
      <c r="AH107" s="89">
        <v>2.8279912978147775E-2</v>
      </c>
    </row>
    <row r="108" spans="1:34">
      <c r="A108" s="44" t="s">
        <v>543</v>
      </c>
      <c r="B108" s="109">
        <v>77</v>
      </c>
      <c r="C108" s="46">
        <v>2.8553197298968245</v>
      </c>
      <c r="D108" s="47">
        <v>0.44113320036206805</v>
      </c>
      <c r="E108" s="110">
        <v>0.69014119323569889</v>
      </c>
      <c r="F108" s="92">
        <v>0.10359677137721596</v>
      </c>
      <c r="G108" s="110">
        <v>9.858432332420404E-2</v>
      </c>
      <c r="H108" s="92">
        <v>7.1797735905685445E-2</v>
      </c>
      <c r="I108" s="110">
        <v>0.19127067814867882</v>
      </c>
      <c r="J108" s="92">
        <v>8.9956773339162965E-2</v>
      </c>
      <c r="K108" s="91">
        <v>2.0003805291418472E-2</v>
      </c>
      <c r="L108" s="92">
        <v>4.5431805448916139E-2</v>
      </c>
      <c r="M108" s="109">
        <v>77</v>
      </c>
      <c r="N108" s="46">
        <v>3.248866705440447</v>
      </c>
      <c r="O108" s="47">
        <v>0.37652028038150792</v>
      </c>
      <c r="P108" s="110">
        <v>0.12605628869955601</v>
      </c>
      <c r="Q108" s="92">
        <v>7.8137533052776389E-2</v>
      </c>
      <c r="R108" s="110">
        <v>0.30975823431115257</v>
      </c>
      <c r="S108" s="92">
        <v>0.10358853137105081</v>
      </c>
      <c r="T108" s="110">
        <v>0.52448304700838433</v>
      </c>
      <c r="U108" s="92">
        <v>0.11099067262955478</v>
      </c>
      <c r="V108" s="91">
        <v>3.9702429980907429E-2</v>
      </c>
      <c r="W108" s="92">
        <v>5.3764586509446557E-2</v>
      </c>
      <c r="X108" s="109">
        <v>77</v>
      </c>
      <c r="Y108" s="46">
        <v>1.6375550934010596</v>
      </c>
      <c r="Z108" s="47">
        <v>0.27318802423753891</v>
      </c>
      <c r="AA108" s="110">
        <v>0.80284321891974142</v>
      </c>
      <c r="AB108" s="92">
        <v>9.0845276271950576E-2</v>
      </c>
      <c r="AC108" s="110">
        <v>5.4900888617744482E-2</v>
      </c>
      <c r="AD108" s="92">
        <v>5.9200596174771761E-2</v>
      </c>
      <c r="AE108" s="110">
        <v>9.0924722035427549E-2</v>
      </c>
      <c r="AF108" s="92">
        <v>6.984179266298976E-2</v>
      </c>
      <c r="AG108" s="91">
        <v>5.1331170427086598E-2</v>
      </c>
      <c r="AH108" s="92">
        <v>5.7985617747475682E-2</v>
      </c>
    </row>
    <row r="109" spans="1:34">
      <c r="A109" s="52" t="s">
        <v>544</v>
      </c>
      <c r="B109" s="107">
        <v>57</v>
      </c>
      <c r="C109" s="42">
        <v>2.8493168546520238</v>
      </c>
      <c r="D109" s="43">
        <v>0.55505005468681468</v>
      </c>
      <c r="E109" s="108">
        <v>0.67594157164598145</v>
      </c>
      <c r="F109" s="89">
        <v>0.12091758116469249</v>
      </c>
      <c r="G109" s="108">
        <v>5.8843335434896143E-2</v>
      </c>
      <c r="H109" s="89">
        <v>7.2459273033422644E-2</v>
      </c>
      <c r="I109" s="108">
        <v>0.24488883968561623</v>
      </c>
      <c r="J109" s="89">
        <v>0.11254835179817874</v>
      </c>
      <c r="K109" s="88">
        <v>2.0326253233505988E-2</v>
      </c>
      <c r="L109" s="89">
        <v>5.6741619220401732E-2</v>
      </c>
      <c r="M109" s="107">
        <v>57</v>
      </c>
      <c r="N109" s="42">
        <v>5.6998446397048488</v>
      </c>
      <c r="O109" s="43">
        <v>0.30542181801412288</v>
      </c>
      <c r="P109" s="108">
        <v>0.66030222445546083</v>
      </c>
      <c r="Q109" s="89">
        <v>0.12215624909672543</v>
      </c>
      <c r="R109" s="108">
        <v>0.28757026208322217</v>
      </c>
      <c r="S109" s="89">
        <v>0.11751464007638598</v>
      </c>
      <c r="T109" s="108">
        <v>5.2127513461316839E-2</v>
      </c>
      <c r="U109" s="89">
        <v>7.0060662384117539E-2</v>
      </c>
      <c r="V109" s="88">
        <v>0</v>
      </c>
      <c r="W109" s="89">
        <v>4.5601197425875629E-2</v>
      </c>
      <c r="X109" s="107">
        <v>57</v>
      </c>
      <c r="Y109" s="42">
        <v>1.7099535864317508</v>
      </c>
      <c r="Z109" s="43">
        <v>0.23934379988931101</v>
      </c>
      <c r="AA109" s="108">
        <v>0.74286208723301239</v>
      </c>
      <c r="AB109" s="89">
        <v>0.11408933289232349</v>
      </c>
      <c r="AC109" s="108">
        <v>0.1439803557703476</v>
      </c>
      <c r="AD109" s="89">
        <v>9.5583779171953903E-2</v>
      </c>
      <c r="AE109" s="108">
        <v>9.1699241642644438E-2</v>
      </c>
      <c r="AF109" s="89">
        <v>8.275470190223648E-2</v>
      </c>
      <c r="AG109" s="88">
        <v>2.1458315353995106E-2</v>
      </c>
      <c r="AH109" s="89">
        <v>5.7286300458492208E-2</v>
      </c>
    </row>
    <row r="110" spans="1:34">
      <c r="A110" s="44" t="s">
        <v>545</v>
      </c>
      <c r="B110" s="109">
        <v>639</v>
      </c>
      <c r="C110" s="46">
        <v>2.9873833406603376</v>
      </c>
      <c r="D110" s="47">
        <v>0.15840750357777744</v>
      </c>
      <c r="E110" s="110">
        <v>0.64672914640276535</v>
      </c>
      <c r="F110" s="92">
        <v>3.7721875445562367E-2</v>
      </c>
      <c r="G110" s="110">
        <v>9.1129183044118739E-2</v>
      </c>
      <c r="H110" s="92">
        <v>2.2981245668029133E-2</v>
      </c>
      <c r="I110" s="110">
        <v>0.24175474782027348</v>
      </c>
      <c r="J110" s="92">
        <v>3.3844999546484712E-2</v>
      </c>
      <c r="K110" s="91">
        <v>2.0386922732846875E-2</v>
      </c>
      <c r="L110" s="92">
        <v>1.1915810871392703E-2</v>
      </c>
      <c r="M110" s="109">
        <v>636</v>
      </c>
      <c r="N110" s="46">
        <v>3.848668199196827</v>
      </c>
      <c r="O110" s="47">
        <v>0.15249262009836034</v>
      </c>
      <c r="P110" s="110">
        <v>0.20662918687925433</v>
      </c>
      <c r="Q110" s="92">
        <v>3.211366866924463E-2</v>
      </c>
      <c r="R110" s="110">
        <v>0.33749762622234042</v>
      </c>
      <c r="S110" s="92">
        <v>3.7410061711464347E-2</v>
      </c>
      <c r="T110" s="110">
        <v>0.38315909548780669</v>
      </c>
      <c r="U110" s="92">
        <v>3.8447880079851594E-2</v>
      </c>
      <c r="V110" s="91">
        <v>7.2714091410601506E-2</v>
      </c>
      <c r="W110" s="92">
        <v>2.0871898893822689E-2</v>
      </c>
      <c r="X110" s="109">
        <v>642</v>
      </c>
      <c r="Y110" s="46">
        <v>1.6202904605723898</v>
      </c>
      <c r="Z110" s="47">
        <v>8.6686314435932416E-2</v>
      </c>
      <c r="AA110" s="110">
        <v>0.80309861305057428</v>
      </c>
      <c r="AB110" s="92">
        <v>3.1403239981116417E-2</v>
      </c>
      <c r="AC110" s="110">
        <v>7.443171963986038E-2</v>
      </c>
      <c r="AD110" s="92">
        <v>2.0986140644736338E-2</v>
      </c>
      <c r="AE110" s="110">
        <v>9.3311334723194486E-2</v>
      </c>
      <c r="AF110" s="92">
        <v>2.3162667708238795E-2</v>
      </c>
      <c r="AG110" s="91">
        <v>2.9158332586371124E-2</v>
      </c>
      <c r="AH110" s="92">
        <v>1.386467876375674E-2</v>
      </c>
    </row>
    <row r="111" spans="1:34">
      <c r="A111" s="52" t="s">
        <v>546</v>
      </c>
      <c r="B111" s="107">
        <v>67</v>
      </c>
      <c r="C111" s="42">
        <v>3.2699631159722733</v>
      </c>
      <c r="D111" s="43">
        <v>0.52423482700613644</v>
      </c>
      <c r="E111" s="108">
        <v>0.53112428790825772</v>
      </c>
      <c r="F111" s="89">
        <v>0.11847323479798107</v>
      </c>
      <c r="G111" s="108">
        <v>0.19774059233502442</v>
      </c>
      <c r="H111" s="89">
        <v>9.7473273432667581E-2</v>
      </c>
      <c r="I111" s="108">
        <v>0.22769618910769129</v>
      </c>
      <c r="J111" s="89">
        <v>0.10180626299529023</v>
      </c>
      <c r="K111" s="88">
        <v>4.3438930649026722E-2</v>
      </c>
      <c r="L111" s="89">
        <v>6.0223752383909521E-2</v>
      </c>
      <c r="M111" s="107">
        <v>67</v>
      </c>
      <c r="N111" s="42">
        <v>5.021527029409051</v>
      </c>
      <c r="O111" s="43">
        <v>0.37975259150572549</v>
      </c>
      <c r="P111" s="108">
        <v>0.42545660296266774</v>
      </c>
      <c r="Q111" s="89">
        <v>0.11749779839901307</v>
      </c>
      <c r="R111" s="108">
        <v>0.37656768056820694</v>
      </c>
      <c r="S111" s="89">
        <v>0.11541298425945233</v>
      </c>
      <c r="T111" s="108">
        <v>0.1979757164691254</v>
      </c>
      <c r="U111" s="89">
        <v>9.750983086229735E-2</v>
      </c>
      <c r="V111" s="88">
        <v>0</v>
      </c>
      <c r="W111" s="89">
        <v>3.9271909274046654E-2</v>
      </c>
      <c r="X111" s="107">
        <v>67</v>
      </c>
      <c r="Y111" s="42">
        <v>1.7193481796663777</v>
      </c>
      <c r="Z111" s="43">
        <v>0.27200471419024541</v>
      </c>
      <c r="AA111" s="108">
        <v>0.73808453966833709</v>
      </c>
      <c r="AB111" s="89">
        <v>0.1060222658514412</v>
      </c>
      <c r="AC111" s="108">
        <v>0.10166479137755979</v>
      </c>
      <c r="AD111" s="89">
        <v>7.8257019602705591E-2</v>
      </c>
      <c r="AE111" s="108">
        <v>7.9691670798773748E-2</v>
      </c>
      <c r="AF111" s="89">
        <v>7.2261437283956897E-2</v>
      </c>
      <c r="AG111" s="88">
        <v>8.0558998155329645E-2</v>
      </c>
      <c r="AH111" s="89">
        <v>7.2513827719649593E-2</v>
      </c>
    </row>
    <row r="112" spans="1:34">
      <c r="A112" s="44" t="s">
        <v>547</v>
      </c>
      <c r="B112" s="109">
        <v>147</v>
      </c>
      <c r="C112" s="46">
        <v>2.7347541759831135</v>
      </c>
      <c r="D112" s="47">
        <v>0.30966232203927174</v>
      </c>
      <c r="E112" s="110">
        <v>0.7207222595062267</v>
      </c>
      <c r="F112" s="92">
        <v>7.3480835036571115E-2</v>
      </c>
      <c r="G112" s="110">
        <v>8.0790087618589523E-2</v>
      </c>
      <c r="H112" s="92">
        <v>4.701705975163805E-2</v>
      </c>
      <c r="I112" s="110">
        <v>0.19611327338104703</v>
      </c>
      <c r="J112" s="92">
        <v>6.5605810407718262E-2</v>
      </c>
      <c r="K112" s="91">
        <v>2.3743794941377813E-3</v>
      </c>
      <c r="L112" s="92">
        <v>2.0141558614055435E-2</v>
      </c>
      <c r="M112" s="109">
        <v>146</v>
      </c>
      <c r="N112" s="46">
        <v>3.9184181100769648</v>
      </c>
      <c r="O112" s="47">
        <v>0.28333321034030529</v>
      </c>
      <c r="P112" s="110">
        <v>0.16264128996992416</v>
      </c>
      <c r="Q112" s="92">
        <v>6.1574471592828431E-2</v>
      </c>
      <c r="R112" s="110">
        <v>0.42117504227255909</v>
      </c>
      <c r="S112" s="92">
        <v>8.0682685062670637E-2</v>
      </c>
      <c r="T112" s="110">
        <v>0.30786722639165509</v>
      </c>
      <c r="U112" s="92">
        <v>7.5723628506243673E-2</v>
      </c>
      <c r="V112" s="91">
        <v>0.10831644136586366</v>
      </c>
      <c r="W112" s="92">
        <v>5.2828548158952666E-2</v>
      </c>
      <c r="X112" s="109">
        <v>146</v>
      </c>
      <c r="Y112" s="46">
        <v>1.5958446693690664</v>
      </c>
      <c r="Z112" s="47">
        <v>0.1672521559114323</v>
      </c>
      <c r="AA112" s="110">
        <v>0.85773924919092381</v>
      </c>
      <c r="AB112" s="92">
        <v>5.8596264548412637E-2</v>
      </c>
      <c r="AC112" s="110">
        <v>3.2013499655808762E-2</v>
      </c>
      <c r="AD112" s="92">
        <v>3.3670362907751827E-2</v>
      </c>
      <c r="AE112" s="110">
        <v>0.1094351903457134</v>
      </c>
      <c r="AF112" s="92">
        <v>5.3037387830913697E-2</v>
      </c>
      <c r="AG112" s="91">
        <v>8.1206080755484036E-4</v>
      </c>
      <c r="AH112" s="92">
        <v>1.9269498645908652E-2</v>
      </c>
    </row>
    <row r="113" spans="1:34">
      <c r="A113" s="52" t="s">
        <v>548</v>
      </c>
      <c r="B113" s="107">
        <v>164</v>
      </c>
      <c r="C113" s="42">
        <v>2.7880522876628651</v>
      </c>
      <c r="D113" s="43">
        <v>0.33461932777106357</v>
      </c>
      <c r="E113" s="108">
        <v>0.70198504653889704</v>
      </c>
      <c r="F113" s="89">
        <v>7.0899270067029868E-2</v>
      </c>
      <c r="G113" s="108">
        <v>4.248947544093426E-2</v>
      </c>
      <c r="H113" s="89">
        <v>3.4686652772248319E-2</v>
      </c>
      <c r="I113" s="108">
        <v>0.23972277283970395</v>
      </c>
      <c r="J113" s="89">
        <v>6.6447845142560497E-2</v>
      </c>
      <c r="K113" s="88">
        <v>1.5802705180464841E-2</v>
      </c>
      <c r="L113" s="89">
        <v>2.5158647590108475E-2</v>
      </c>
      <c r="M113" s="107">
        <v>162</v>
      </c>
      <c r="N113" s="42">
        <v>3.1868617231601744</v>
      </c>
      <c r="O113" s="43">
        <v>0.31244844196702576</v>
      </c>
      <c r="P113" s="108">
        <v>0.13718027908106575</v>
      </c>
      <c r="Q113" s="89">
        <v>5.4800717503402381E-2</v>
      </c>
      <c r="R113" s="108">
        <v>0.28459482891942084</v>
      </c>
      <c r="S113" s="89">
        <v>7.0422098495908886E-2</v>
      </c>
      <c r="T113" s="108">
        <v>0.51717580722791956</v>
      </c>
      <c r="U113" s="89">
        <v>7.7571426490690959E-2</v>
      </c>
      <c r="V113" s="88">
        <v>6.1049084771594278E-2</v>
      </c>
      <c r="W113" s="89">
        <v>4.0028875284559645E-2</v>
      </c>
      <c r="X113" s="107">
        <v>165</v>
      </c>
      <c r="Y113" s="42">
        <v>1.6316782081619454</v>
      </c>
      <c r="Z113" s="43">
        <v>0.17534288051874514</v>
      </c>
      <c r="AA113" s="108">
        <v>0.79526670287090628</v>
      </c>
      <c r="AB113" s="89">
        <v>6.2850571905327668E-2</v>
      </c>
      <c r="AC113" s="108">
        <v>7.3007961823779222E-2</v>
      </c>
      <c r="AD113" s="89">
        <v>4.2469981975268779E-2</v>
      </c>
      <c r="AE113" s="108">
        <v>9.8770096749405581E-2</v>
      </c>
      <c r="AF113" s="89">
        <v>4.780260008685653E-2</v>
      </c>
      <c r="AG113" s="88">
        <v>3.2955238555908845E-2</v>
      </c>
      <c r="AH113" s="89">
        <v>3.1556359548327022E-2</v>
      </c>
    </row>
    <row r="114" spans="1:34">
      <c r="A114" s="44" t="s">
        <v>549</v>
      </c>
      <c r="B114" s="109">
        <v>72</v>
      </c>
      <c r="C114" s="46">
        <v>3.1681483694749102</v>
      </c>
      <c r="D114" s="47">
        <v>0.43200549852607356</v>
      </c>
      <c r="E114" s="110">
        <v>0.54210089583040866</v>
      </c>
      <c r="F114" s="92">
        <v>0.11434232583090449</v>
      </c>
      <c r="G114" s="110">
        <v>0.15409983097416372</v>
      </c>
      <c r="H114" s="92">
        <v>8.6637798514885483E-2</v>
      </c>
      <c r="I114" s="110">
        <v>0.25577097139621302</v>
      </c>
      <c r="J114" s="92">
        <v>0.10168725788339117</v>
      </c>
      <c r="K114" s="91">
        <v>4.8028301799214537E-2</v>
      </c>
      <c r="L114" s="92">
        <v>5.9231351492269081E-2</v>
      </c>
      <c r="M114" s="109">
        <v>71</v>
      </c>
      <c r="N114" s="46">
        <v>5.3170049637850765</v>
      </c>
      <c r="O114" s="47">
        <v>0.30387700453006672</v>
      </c>
      <c r="P114" s="110">
        <v>0.47582362280434737</v>
      </c>
      <c r="Q114" s="92">
        <v>0.11534902087961632</v>
      </c>
      <c r="R114" s="110">
        <v>0.40915172864352345</v>
      </c>
      <c r="S114" s="92">
        <v>0.11374907561081719</v>
      </c>
      <c r="T114" s="110">
        <v>0.11502464855212846</v>
      </c>
      <c r="U114" s="92">
        <v>7.9054768271998185E-2</v>
      </c>
      <c r="V114" s="91">
        <v>0</v>
      </c>
      <c r="W114" s="92">
        <v>3.7206132509255738E-2</v>
      </c>
      <c r="X114" s="109">
        <v>72</v>
      </c>
      <c r="Y114" s="46">
        <v>1.6074345808254578</v>
      </c>
      <c r="Z114" s="47">
        <v>0.2801665840504331</v>
      </c>
      <c r="AA114" s="110">
        <v>0.83739245473082879</v>
      </c>
      <c r="AB114" s="92">
        <v>8.8208334190055041E-2</v>
      </c>
      <c r="AC114" s="110">
        <v>5.1539147932666257E-2</v>
      </c>
      <c r="AD114" s="92">
        <v>6.0478781754813242E-2</v>
      </c>
      <c r="AE114" s="110">
        <v>8.0608907761761883E-2</v>
      </c>
      <c r="AF114" s="92">
        <v>6.9637597501419596E-2</v>
      </c>
      <c r="AG114" s="91">
        <v>3.0459489574743287E-2</v>
      </c>
      <c r="AH114" s="92">
        <v>5.2379275783883378E-2</v>
      </c>
    </row>
    <row r="115" spans="1:34">
      <c r="A115" s="52" t="s">
        <v>550</v>
      </c>
      <c r="B115" s="107">
        <v>120</v>
      </c>
      <c r="C115" s="42">
        <v>2.9913615761646191</v>
      </c>
      <c r="D115" s="43">
        <v>0.35383141731765705</v>
      </c>
      <c r="E115" s="108">
        <v>0.64892750629315443</v>
      </c>
      <c r="F115" s="89">
        <v>8.5991081221006044E-2</v>
      </c>
      <c r="G115" s="108">
        <v>9.8916177326150087E-2</v>
      </c>
      <c r="H115" s="89">
        <v>5.6609290856701834E-2</v>
      </c>
      <c r="I115" s="108">
        <v>0.21999235447444948</v>
      </c>
      <c r="J115" s="89">
        <v>7.5471095311175213E-2</v>
      </c>
      <c r="K115" s="88">
        <v>3.2163961906245125E-2</v>
      </c>
      <c r="L115" s="89">
        <v>3.8109506787127934E-2</v>
      </c>
      <c r="M115" s="107">
        <v>122</v>
      </c>
      <c r="N115" s="42">
        <v>3.4289407193774153</v>
      </c>
      <c r="O115" s="43">
        <v>0.35274059333967861</v>
      </c>
      <c r="P115" s="108">
        <v>0.13691819503138908</v>
      </c>
      <c r="Q115" s="89">
        <v>6.3348068915445699E-2</v>
      </c>
      <c r="R115" s="108">
        <v>0.26148194672793978</v>
      </c>
      <c r="S115" s="89">
        <v>7.9014549847440399E-2</v>
      </c>
      <c r="T115" s="108">
        <v>0.47325258324883629</v>
      </c>
      <c r="U115" s="89">
        <v>8.8967495125449825E-2</v>
      </c>
      <c r="V115" s="88">
        <v>0.12834727499183363</v>
      </c>
      <c r="W115" s="89">
        <v>6.1851059241487628E-2</v>
      </c>
      <c r="X115" s="107">
        <v>123</v>
      </c>
      <c r="Y115" s="42">
        <v>1.6126247581601554</v>
      </c>
      <c r="Z115" s="43">
        <v>0.19336877633198887</v>
      </c>
      <c r="AA115" s="108">
        <v>0.80963264503111387</v>
      </c>
      <c r="AB115" s="89">
        <v>7.1004430218023357E-2</v>
      </c>
      <c r="AC115" s="108">
        <v>7.9598947496589162E-2</v>
      </c>
      <c r="AD115" s="89">
        <v>5.1503588669740336E-2</v>
      </c>
      <c r="AE115" s="108">
        <v>9.5165592746191102E-2</v>
      </c>
      <c r="AF115" s="89">
        <v>5.50648461414186E-2</v>
      </c>
      <c r="AG115" s="88">
        <v>1.5602814726105686E-2</v>
      </c>
      <c r="AH115" s="89">
        <v>3.0691307983151558E-2</v>
      </c>
    </row>
    <row r="116" spans="1:34">
      <c r="A116" s="44" t="s">
        <v>551</v>
      </c>
      <c r="B116" s="109">
        <v>69</v>
      </c>
      <c r="C116" s="46">
        <v>3.4883457491202177</v>
      </c>
      <c r="D116" s="47">
        <v>0.46333575327474286</v>
      </c>
      <c r="E116" s="110">
        <v>0.55466691628052134</v>
      </c>
      <c r="F116" s="92">
        <v>0.11641448370810442</v>
      </c>
      <c r="G116" s="110">
        <v>9.3825592470020744E-2</v>
      </c>
      <c r="H116" s="92">
        <v>7.4981918423934799E-2</v>
      </c>
      <c r="I116" s="110">
        <v>0.35150749124945763</v>
      </c>
      <c r="J116" s="92">
        <v>0.11233516681635006</v>
      </c>
      <c r="K116" s="91">
        <v>0</v>
      </c>
      <c r="L116" s="92">
        <v>3.821112970151376E-2</v>
      </c>
      <c r="M116" s="109">
        <v>68</v>
      </c>
      <c r="N116" s="46">
        <v>4.3364770289842065</v>
      </c>
      <c r="O116" s="47">
        <v>0.40095562192200934</v>
      </c>
      <c r="P116" s="110">
        <v>0.26768180580067613</v>
      </c>
      <c r="Q116" s="92">
        <v>0.10589789043173603</v>
      </c>
      <c r="R116" s="110">
        <v>0.43481449951234635</v>
      </c>
      <c r="S116" s="92">
        <v>0.116954374671545</v>
      </c>
      <c r="T116" s="110">
        <v>0.26874087800262653</v>
      </c>
      <c r="U116" s="92">
        <v>0.10601269929402146</v>
      </c>
      <c r="V116" s="91">
        <v>2.8762816684350621E-2</v>
      </c>
      <c r="W116" s="92">
        <v>5.3709074492857001E-2</v>
      </c>
      <c r="X116" s="109">
        <v>69</v>
      </c>
      <c r="Y116" s="46">
        <v>1.5894952285323323</v>
      </c>
      <c r="Z116" s="47">
        <v>0.28062034833003607</v>
      </c>
      <c r="AA116" s="110">
        <v>0.75638384119542124</v>
      </c>
      <c r="AB116" s="92">
        <v>0.10237549693814554</v>
      </c>
      <c r="AC116" s="110">
        <v>0.12013165380655576</v>
      </c>
      <c r="AD116" s="92">
        <v>8.1452728355301776E-2</v>
      </c>
      <c r="AE116" s="110">
        <v>7.1838139044256399E-2</v>
      </c>
      <c r="AF116" s="92">
        <v>6.8733015949039342E-2</v>
      </c>
      <c r="AG116" s="91">
        <v>5.1646365953766461E-2</v>
      </c>
      <c r="AH116" s="92">
        <v>6.211132827331025E-2</v>
      </c>
    </row>
    <row r="119" spans="1:34" ht="18.75">
      <c r="A119" s="336" t="s">
        <v>476</v>
      </c>
      <c r="B119" s="336"/>
      <c r="C119" s="336"/>
      <c r="D119" s="336"/>
      <c r="E119" s="336"/>
      <c r="F119" s="336"/>
      <c r="G119" s="336"/>
      <c r="H119" s="336"/>
      <c r="I119" s="336"/>
      <c r="J119" s="336"/>
      <c r="K119" s="336"/>
      <c r="L119" s="336"/>
    </row>
    <row r="120" spans="1:34" ht="46.5" customHeight="1">
      <c r="A120" s="355" t="s">
        <v>477</v>
      </c>
      <c r="B120" s="355"/>
      <c r="C120" s="355"/>
      <c r="D120" s="355"/>
      <c r="E120" s="355"/>
      <c r="F120" s="355"/>
      <c r="G120" s="355"/>
      <c r="H120" s="355"/>
      <c r="I120" s="355"/>
      <c r="J120" s="355"/>
      <c r="K120" s="355"/>
      <c r="L120" s="355"/>
    </row>
    <row r="121" spans="1:34" ht="45" customHeight="1">
      <c r="A121" s="353" t="s">
        <v>475</v>
      </c>
      <c r="B121" s="354"/>
      <c r="C121" s="354"/>
      <c r="D121" s="354"/>
      <c r="E121" s="354"/>
      <c r="F121" s="354"/>
      <c r="G121" s="354"/>
      <c r="H121" s="354"/>
      <c r="I121" s="354"/>
      <c r="J121" s="354"/>
      <c r="K121" s="354"/>
      <c r="L121" s="354"/>
    </row>
    <row r="122" spans="1:34" ht="72">
      <c r="A122" s="32" t="s">
        <v>71</v>
      </c>
      <c r="B122" s="60" t="s">
        <v>72</v>
      </c>
      <c r="C122" s="60" t="s">
        <v>589</v>
      </c>
      <c r="D122" s="83" t="s">
        <v>73</v>
      </c>
      <c r="E122" s="60" t="s">
        <v>156</v>
      </c>
      <c r="F122" s="83" t="s">
        <v>85</v>
      </c>
      <c r="G122" s="60" t="s">
        <v>157</v>
      </c>
      <c r="H122" s="83" t="s">
        <v>86</v>
      </c>
      <c r="I122" s="60" t="s">
        <v>158</v>
      </c>
      <c r="J122" s="83" t="s">
        <v>87</v>
      </c>
      <c r="K122" s="60" t="s">
        <v>301</v>
      </c>
      <c r="L122" s="83" t="s">
        <v>300</v>
      </c>
    </row>
    <row r="123" spans="1:34" ht="72">
      <c r="A123" s="36"/>
      <c r="B123" s="63" t="s">
        <v>74</v>
      </c>
      <c r="C123" s="63" t="s">
        <v>302</v>
      </c>
      <c r="D123" s="85" t="s">
        <v>76</v>
      </c>
      <c r="E123" s="63" t="s">
        <v>159</v>
      </c>
      <c r="F123" s="85" t="s">
        <v>88</v>
      </c>
      <c r="G123" s="63" t="s">
        <v>160</v>
      </c>
      <c r="H123" s="85" t="s">
        <v>88</v>
      </c>
      <c r="I123" s="63" t="s">
        <v>161</v>
      </c>
      <c r="J123" s="85" t="s">
        <v>88</v>
      </c>
      <c r="K123" s="63" t="s">
        <v>301</v>
      </c>
      <c r="L123" s="85" t="s">
        <v>88</v>
      </c>
    </row>
    <row r="124" spans="1:34">
      <c r="A124" s="40" t="s">
        <v>349</v>
      </c>
      <c r="B124" s="107">
        <v>13874</v>
      </c>
      <c r="C124" s="42">
        <v>5.0634827782403242</v>
      </c>
      <c r="D124" s="43">
        <v>2.7159998507101851E-2</v>
      </c>
      <c r="E124" s="108">
        <v>0.15727631081079141</v>
      </c>
      <c r="F124" s="89">
        <v>6.1823231189941574E-3</v>
      </c>
      <c r="G124" s="108">
        <v>0.16470468259302579</v>
      </c>
      <c r="H124" s="89">
        <v>6.2985676792330471E-3</v>
      </c>
      <c r="I124" s="108">
        <v>0.66027281990802011</v>
      </c>
      <c r="J124" s="89">
        <v>8.040957064815564E-3</v>
      </c>
      <c r="K124" s="88">
        <v>1.7746186688175177E-2</v>
      </c>
      <c r="L124" s="89">
        <v>2.2500615627494983E-3</v>
      </c>
    </row>
    <row r="125" spans="1:34">
      <c r="A125" s="44" t="s">
        <v>350</v>
      </c>
      <c r="B125" s="109">
        <v>10169</v>
      </c>
      <c r="C125" s="46">
        <v>5.1868473565848552</v>
      </c>
      <c r="D125" s="47">
        <v>3.1449030036259353E-2</v>
      </c>
      <c r="E125" s="110">
        <v>0.14559714006374416</v>
      </c>
      <c r="F125" s="92">
        <v>6.9965759779157316E-3</v>
      </c>
      <c r="G125" s="110">
        <v>0.14989961557926051</v>
      </c>
      <c r="H125" s="92">
        <v>7.0811696047721308E-3</v>
      </c>
      <c r="I125" s="110">
        <v>0.69324695550056037</v>
      </c>
      <c r="J125" s="92">
        <v>9.1447930053415571E-3</v>
      </c>
      <c r="K125" s="91">
        <v>1.1256288856427257E-2</v>
      </c>
      <c r="L125" s="92">
        <v>2.1094959711019522E-3</v>
      </c>
    </row>
    <row r="126" spans="1:34">
      <c r="A126" s="40" t="s">
        <v>351</v>
      </c>
      <c r="B126" s="78">
        <v>3705</v>
      </c>
      <c r="C126" s="42">
        <v>4.9626142427155866</v>
      </c>
      <c r="D126" s="43">
        <v>5.2884839506120052E-2</v>
      </c>
      <c r="E126" s="93">
        <v>0.16671241382169902</v>
      </c>
      <c r="F126" s="89">
        <v>1.2250589576164537E-2</v>
      </c>
      <c r="G126" s="93">
        <v>0.17666633127948095</v>
      </c>
      <c r="H126" s="89">
        <v>1.2534372739120028E-2</v>
      </c>
      <c r="I126" s="93">
        <v>0.63363160137579666</v>
      </c>
      <c r="J126" s="89">
        <v>1.5823953681712175E-2</v>
      </c>
      <c r="K126" s="88">
        <v>2.2989653523023176E-2</v>
      </c>
      <c r="L126" s="89">
        <v>4.9751766494316842E-3</v>
      </c>
    </row>
    <row r="127" spans="1:34">
      <c r="A127" s="44" t="s">
        <v>533</v>
      </c>
      <c r="B127" s="109">
        <v>3202</v>
      </c>
      <c r="C127" s="46">
        <v>5.1551440382184834</v>
      </c>
      <c r="D127" s="47">
        <v>5.419026670909409E-2</v>
      </c>
      <c r="E127" s="110">
        <v>0.14122264026075446</v>
      </c>
      <c r="F127" s="92">
        <v>1.2317276157857292E-2</v>
      </c>
      <c r="G127" s="110">
        <v>0.16361527896826356</v>
      </c>
      <c r="H127" s="92">
        <v>1.3080083510716467E-2</v>
      </c>
      <c r="I127" s="110">
        <v>0.67062981365351093</v>
      </c>
      <c r="J127" s="92">
        <v>1.6603634784792917E-2</v>
      </c>
      <c r="K127" s="91">
        <v>2.4532267117466842E-2</v>
      </c>
      <c r="L127" s="92">
        <v>5.5281505267421446E-3</v>
      </c>
    </row>
    <row r="128" spans="1:34">
      <c r="A128" s="40" t="s">
        <v>534</v>
      </c>
      <c r="B128" s="78">
        <v>2516</v>
      </c>
      <c r="C128" s="42">
        <v>5.453482163534189</v>
      </c>
      <c r="D128" s="43">
        <v>5.981919464858871E-2</v>
      </c>
      <c r="E128" s="93">
        <v>0.10909654699783841</v>
      </c>
      <c r="F128" s="89">
        <v>1.2451761033688783E-2</v>
      </c>
      <c r="G128" s="93">
        <v>0.13260060860917591</v>
      </c>
      <c r="H128" s="89">
        <v>1.3536890360182735E-2</v>
      </c>
      <c r="I128" s="93">
        <v>0.74862803861341465</v>
      </c>
      <c r="J128" s="89">
        <v>1.7292083867640206E-2</v>
      </c>
      <c r="K128" s="88">
        <v>9.6748057795744812E-3</v>
      </c>
      <c r="L128" s="89">
        <v>4.0520095826576752E-3</v>
      </c>
    </row>
    <row r="129" spans="1:12">
      <c r="A129" s="44" t="s">
        <v>535</v>
      </c>
      <c r="B129" s="109">
        <v>488</v>
      </c>
      <c r="C129" s="46">
        <v>5.6417925693929858</v>
      </c>
      <c r="D129" s="47">
        <v>0.12649381092094922</v>
      </c>
      <c r="E129" s="110">
        <v>7.7163117778519044E-2</v>
      </c>
      <c r="F129" s="92">
        <v>2.4545349511812076E-2</v>
      </c>
      <c r="G129" s="110">
        <v>9.5733208214678692E-2</v>
      </c>
      <c r="H129" s="92">
        <v>2.6931859747322016E-2</v>
      </c>
      <c r="I129" s="110">
        <v>0.81691390259404206</v>
      </c>
      <c r="J129" s="92">
        <v>3.5059997337069972E-2</v>
      </c>
      <c r="K129" s="91">
        <v>1.0189771412761275E-2</v>
      </c>
      <c r="L129" s="92">
        <v>1.0657690724797712E-2</v>
      </c>
    </row>
    <row r="130" spans="1:12">
      <c r="A130" s="40" t="s">
        <v>536</v>
      </c>
      <c r="B130" s="78">
        <v>89</v>
      </c>
      <c r="C130" s="42">
        <v>5.5423123863340837</v>
      </c>
      <c r="D130" s="43">
        <v>0.28723385620835573</v>
      </c>
      <c r="E130" s="93">
        <v>8.1113155600151449E-2</v>
      </c>
      <c r="F130" s="89">
        <v>6.1975742044877664E-2</v>
      </c>
      <c r="G130" s="93">
        <v>0.10064793704762838</v>
      </c>
      <c r="H130" s="89">
        <v>6.6862654194909457E-2</v>
      </c>
      <c r="I130" s="93">
        <v>0.81823890735222027</v>
      </c>
      <c r="J130" s="89">
        <v>8.2239764606315005E-2</v>
      </c>
      <c r="K130" s="88">
        <v>0</v>
      </c>
      <c r="L130" s="89">
        <v>3.0084393934100805E-2</v>
      </c>
    </row>
    <row r="131" spans="1:12">
      <c r="A131" s="44" t="s">
        <v>537</v>
      </c>
      <c r="B131" s="109">
        <v>139</v>
      </c>
      <c r="C131" s="46">
        <v>5.7787654676031366</v>
      </c>
      <c r="D131" s="47">
        <v>0.2113813248501781</v>
      </c>
      <c r="E131" s="110">
        <v>6.2550299355194933E-2</v>
      </c>
      <c r="F131" s="92">
        <v>4.3994154382522153E-2</v>
      </c>
      <c r="G131" s="110">
        <v>8.3992548559630717E-2</v>
      </c>
      <c r="H131" s="92">
        <v>4.9184735796868898E-2</v>
      </c>
      <c r="I131" s="110">
        <v>0.85345715208517403</v>
      </c>
      <c r="J131" s="92">
        <v>6.0755037444498707E-2</v>
      </c>
      <c r="K131" s="91">
        <v>0</v>
      </c>
      <c r="L131" s="92">
        <v>1.964040746931579E-2</v>
      </c>
    </row>
    <row r="132" spans="1:12">
      <c r="A132" s="40" t="s">
        <v>538</v>
      </c>
      <c r="B132" s="78">
        <v>107</v>
      </c>
      <c r="C132" s="42">
        <v>5.5194417291865081</v>
      </c>
      <c r="D132" s="43">
        <v>0.27704720477333578</v>
      </c>
      <c r="E132" s="93">
        <v>9.3244352002673808E-2</v>
      </c>
      <c r="F132" s="89">
        <v>5.8896557840068003E-2</v>
      </c>
      <c r="G132" s="93">
        <v>0.14962915649786646</v>
      </c>
      <c r="H132" s="89">
        <v>6.9988005331999295E-2</v>
      </c>
      <c r="I132" s="93">
        <v>0.74694191306844981</v>
      </c>
      <c r="J132" s="89">
        <v>8.3468822463626899E-2</v>
      </c>
      <c r="K132" s="88">
        <v>1.0184578431009599E-2</v>
      </c>
      <c r="L132" s="89">
        <v>3.1227595121000113E-2</v>
      </c>
    </row>
    <row r="133" spans="1:12">
      <c r="A133" s="44" t="s">
        <v>539</v>
      </c>
      <c r="B133" s="109">
        <v>153</v>
      </c>
      <c r="C133" s="46">
        <v>5.6582572257535277</v>
      </c>
      <c r="D133" s="47">
        <v>0.24874391900278695</v>
      </c>
      <c r="E133" s="110">
        <v>7.6536050562827501E-2</v>
      </c>
      <c r="F133" s="92">
        <v>4.5061683322014739E-2</v>
      </c>
      <c r="G133" s="110">
        <v>7.4581031432810099E-2</v>
      </c>
      <c r="H133" s="92">
        <v>4.4613899401908817E-2</v>
      </c>
      <c r="I133" s="110">
        <v>0.82854889727226466</v>
      </c>
      <c r="J133" s="92">
        <v>6.1299287598556976E-2</v>
      </c>
      <c r="K133" s="91">
        <v>2.03340207320978E-2</v>
      </c>
      <c r="L133" s="92">
        <v>2.8327023112502847E-2</v>
      </c>
    </row>
    <row r="134" spans="1:12">
      <c r="A134" s="40" t="s">
        <v>540</v>
      </c>
      <c r="B134" s="107">
        <v>342</v>
      </c>
      <c r="C134" s="42">
        <v>5.4059793872685056</v>
      </c>
      <c r="D134" s="43">
        <v>0.15962998056507191</v>
      </c>
      <c r="E134" s="108">
        <v>8.5428799499606939E-2</v>
      </c>
      <c r="F134" s="89">
        <v>3.0804549930465733E-2</v>
      </c>
      <c r="G134" s="108">
        <v>0.17578428945041988</v>
      </c>
      <c r="H134" s="89">
        <v>4.1266166646052337E-2</v>
      </c>
      <c r="I134" s="108">
        <v>0.72670728205359181</v>
      </c>
      <c r="J134" s="89">
        <v>4.805888613801329E-2</v>
      </c>
      <c r="K134" s="88">
        <v>1.2079628996382924E-2</v>
      </c>
      <c r="L134" s="89">
        <v>1.4185524226473586E-2</v>
      </c>
    </row>
    <row r="135" spans="1:12">
      <c r="A135" s="44" t="s">
        <v>541</v>
      </c>
      <c r="B135" s="109">
        <v>113</v>
      </c>
      <c r="C135" s="46">
        <v>5.0488910113615146</v>
      </c>
      <c r="D135" s="47">
        <v>0.29462118832160572</v>
      </c>
      <c r="E135" s="110">
        <v>0.14772980133777081</v>
      </c>
      <c r="F135" s="92">
        <v>6.7746572219328033E-2</v>
      </c>
      <c r="G135" s="110">
        <v>0.18289974069128626</v>
      </c>
      <c r="H135" s="92">
        <v>7.3077710007537447E-2</v>
      </c>
      <c r="I135" s="110">
        <v>0.66937045797094352</v>
      </c>
      <c r="J135" s="92">
        <v>8.7362410251450875E-2</v>
      </c>
      <c r="K135" s="91">
        <v>0</v>
      </c>
      <c r="L135" s="92">
        <v>2.3967079753657358E-2</v>
      </c>
    </row>
    <row r="136" spans="1:12">
      <c r="A136" s="40" t="s">
        <v>542</v>
      </c>
      <c r="B136" s="78">
        <v>95</v>
      </c>
      <c r="C136" s="42">
        <v>5.5976353865344652</v>
      </c>
      <c r="D136" s="43">
        <v>0.28395931198310564</v>
      </c>
      <c r="E136" s="93">
        <v>5.153369094102473E-2</v>
      </c>
      <c r="F136" s="89">
        <v>5.1168932306023283E-2</v>
      </c>
      <c r="G136" s="93">
        <v>0.15968511589710166</v>
      </c>
      <c r="H136" s="89">
        <v>7.6106103336434472E-2</v>
      </c>
      <c r="I136" s="93">
        <v>0.78100461039193836</v>
      </c>
      <c r="J136" s="89">
        <v>8.4635498484239569E-2</v>
      </c>
      <c r="K136" s="93">
        <v>7.7765827699359932E-3</v>
      </c>
      <c r="L136" s="89">
        <v>3.2967127007557571E-2</v>
      </c>
    </row>
    <row r="137" spans="1:12">
      <c r="A137" s="44" t="s">
        <v>543</v>
      </c>
      <c r="B137" s="109">
        <v>77</v>
      </c>
      <c r="C137" s="46">
        <v>5.4557271025851772</v>
      </c>
      <c r="D137" s="47">
        <v>0.31209549012274262</v>
      </c>
      <c r="E137" s="110">
        <v>5.2997657088558706E-2</v>
      </c>
      <c r="F137" s="92">
        <v>5.8557164081089283E-2</v>
      </c>
      <c r="G137" s="110">
        <v>0.21423040975409141</v>
      </c>
      <c r="H137" s="92">
        <v>9.3280989641924508E-2</v>
      </c>
      <c r="I137" s="110">
        <v>0.7032090249275541</v>
      </c>
      <c r="J137" s="92">
        <v>0.10248367562596404</v>
      </c>
      <c r="K137" s="91">
        <v>2.9562908229795924E-2</v>
      </c>
      <c r="L137" s="92">
        <v>4.9693939365378734E-2</v>
      </c>
    </row>
    <row r="138" spans="1:12">
      <c r="A138" s="52" t="s">
        <v>544</v>
      </c>
      <c r="B138" s="107">
        <v>57</v>
      </c>
      <c r="C138" s="42">
        <v>5.7060051415165711</v>
      </c>
      <c r="D138" s="43">
        <v>0.39945189720643243</v>
      </c>
      <c r="E138" s="108">
        <v>8.0218222060810737E-2</v>
      </c>
      <c r="F138" s="89">
        <v>7.9397705464969354E-2</v>
      </c>
      <c r="G138" s="108">
        <v>0.1272850155996797</v>
      </c>
      <c r="H138" s="89">
        <v>9.186760356055064E-2</v>
      </c>
      <c r="I138" s="108">
        <v>0.77341445502045825</v>
      </c>
      <c r="J138" s="89">
        <v>0.11006021857610736</v>
      </c>
      <c r="K138" s="88">
        <v>1.9082307319051063E-2</v>
      </c>
      <c r="L138" s="89">
        <v>5.6135505002798868E-2</v>
      </c>
    </row>
    <row r="139" spans="1:12">
      <c r="A139" s="44" t="s">
        <v>545</v>
      </c>
      <c r="B139" s="109">
        <v>638</v>
      </c>
      <c r="C139" s="46">
        <v>5.3538887139678071</v>
      </c>
      <c r="D139" s="47">
        <v>0.12247602560377464</v>
      </c>
      <c r="E139" s="110">
        <v>0.13540138030026552</v>
      </c>
      <c r="F139" s="92">
        <v>2.7197118409105429E-2</v>
      </c>
      <c r="G139" s="110">
        <v>0.13949794461534962</v>
      </c>
      <c r="H139" s="92">
        <v>2.7531085104466547E-2</v>
      </c>
      <c r="I139" s="110">
        <v>0.72104243987517047</v>
      </c>
      <c r="J139" s="92">
        <v>3.5454080470008698E-2</v>
      </c>
      <c r="K139" s="91">
        <v>4.0582352092155115E-3</v>
      </c>
      <c r="L139" s="92">
        <v>6.6497221143152737E-3</v>
      </c>
    </row>
    <row r="140" spans="1:12">
      <c r="A140" s="52" t="s">
        <v>546</v>
      </c>
      <c r="B140" s="107">
        <v>67</v>
      </c>
      <c r="C140" s="42">
        <v>4.9590060335984152</v>
      </c>
      <c r="D140" s="43">
        <v>0.41956110016496645</v>
      </c>
      <c r="E140" s="108">
        <v>0.22099567515677787</v>
      </c>
      <c r="F140" s="89">
        <v>0.10089196637839996</v>
      </c>
      <c r="G140" s="108">
        <v>0.11308877030676902</v>
      </c>
      <c r="H140" s="89">
        <v>8.1081490902618361E-2</v>
      </c>
      <c r="I140" s="108">
        <v>0.66591555453645324</v>
      </c>
      <c r="J140" s="89">
        <v>0.11270962290719103</v>
      </c>
      <c r="K140" s="88">
        <v>0</v>
      </c>
      <c r="L140" s="89">
        <v>3.9271909274046654E-2</v>
      </c>
    </row>
    <row r="141" spans="1:12">
      <c r="A141" s="44" t="s">
        <v>547</v>
      </c>
      <c r="B141" s="109">
        <v>146</v>
      </c>
      <c r="C141" s="46">
        <v>5.4609059046569879</v>
      </c>
      <c r="D141" s="47">
        <v>0.21770565048702323</v>
      </c>
      <c r="E141" s="110">
        <v>6.530603022726876E-2</v>
      </c>
      <c r="F141" s="92">
        <v>4.3507727160336955E-2</v>
      </c>
      <c r="G141" s="110">
        <v>0.19370860723926964</v>
      </c>
      <c r="H141" s="92">
        <v>6.5548415863779561E-2</v>
      </c>
      <c r="I141" s="110">
        <v>0.74098536253346237</v>
      </c>
      <c r="J141" s="92">
        <v>7.2107703718142638E-2</v>
      </c>
      <c r="K141" s="91">
        <v>0</v>
      </c>
      <c r="L141" s="92">
        <v>1.8730051116182648E-2</v>
      </c>
    </row>
    <row r="142" spans="1:12">
      <c r="A142" s="52" t="s">
        <v>548</v>
      </c>
      <c r="B142" s="107">
        <v>164</v>
      </c>
      <c r="C142" s="42">
        <v>5.6742346761044118</v>
      </c>
      <c r="D142" s="43">
        <v>0.22603118367849287</v>
      </c>
      <c r="E142" s="108">
        <v>9.4227303195264303E-2</v>
      </c>
      <c r="F142" s="89">
        <v>4.7080408781269012E-2</v>
      </c>
      <c r="G142" s="108">
        <v>0.10066212766963022</v>
      </c>
      <c r="H142" s="89">
        <v>4.8312648791261542E-2</v>
      </c>
      <c r="I142" s="108">
        <v>0.79879235475606547</v>
      </c>
      <c r="J142" s="89">
        <v>6.2663841980145463E-2</v>
      </c>
      <c r="K142" s="88">
        <v>6.3182143790403381E-3</v>
      </c>
      <c r="L142" s="89">
        <v>2.0555340988118617E-2</v>
      </c>
    </row>
    <row r="143" spans="1:12">
      <c r="A143" s="44" t="s">
        <v>549</v>
      </c>
      <c r="B143" s="109">
        <v>72</v>
      </c>
      <c r="C143" s="46">
        <v>4.8841458051157201</v>
      </c>
      <c r="D143" s="47">
        <v>0.39248482234054943</v>
      </c>
      <c r="E143" s="110">
        <v>0.1588910838019543</v>
      </c>
      <c r="F143" s="92">
        <v>8.7530541739914133E-2</v>
      </c>
      <c r="G143" s="110">
        <v>0.22138525642097079</v>
      </c>
      <c r="H143" s="92">
        <v>9.74220255154995E-2</v>
      </c>
      <c r="I143" s="110">
        <v>0.61972365977707489</v>
      </c>
      <c r="J143" s="92">
        <v>0.11171753758643919</v>
      </c>
      <c r="K143" s="91">
        <v>0</v>
      </c>
      <c r="L143" s="92">
        <v>3.6723195522334773E-2</v>
      </c>
    </row>
    <row r="144" spans="1:12">
      <c r="A144" s="52" t="s">
        <v>550</v>
      </c>
      <c r="B144" s="107">
        <v>120</v>
      </c>
      <c r="C144" s="42">
        <v>5.2827289790905807</v>
      </c>
      <c r="D144" s="43">
        <v>0.29900157386955439</v>
      </c>
      <c r="E144" s="108">
        <v>0.18032060423456719</v>
      </c>
      <c r="F144" s="89">
        <v>7.05489905395697E-2</v>
      </c>
      <c r="G144" s="108">
        <v>0.13232506084466833</v>
      </c>
      <c r="H144" s="89">
        <v>6.3091350057381618E-2</v>
      </c>
      <c r="I144" s="108">
        <v>0.68735433492076381</v>
      </c>
      <c r="J144" s="89">
        <v>8.3690375866725883E-2</v>
      </c>
      <c r="K144" s="88">
        <v>0</v>
      </c>
      <c r="L144" s="89">
        <v>2.262519761202799E-2</v>
      </c>
    </row>
    <row r="145" spans="1:12">
      <c r="A145" s="44" t="s">
        <v>551</v>
      </c>
      <c r="B145" s="109">
        <v>69</v>
      </c>
      <c r="C145" s="46">
        <v>5.1596421179803382</v>
      </c>
      <c r="D145" s="47">
        <v>0.38510162138394388</v>
      </c>
      <c r="E145" s="110">
        <v>0.16369101048947926</v>
      </c>
      <c r="F145" s="92">
        <v>9.0342303830271559E-2</v>
      </c>
      <c r="G145" s="110">
        <v>0.13892152738744573</v>
      </c>
      <c r="H145" s="92">
        <v>8.5534211270449925E-2</v>
      </c>
      <c r="I145" s="110">
        <v>0.67999974871788194</v>
      </c>
      <c r="J145" s="92">
        <v>0.11005689355885358</v>
      </c>
      <c r="K145" s="91">
        <v>1.7387713405192712E-2</v>
      </c>
      <c r="L145" s="92">
        <v>4.7921716158053858E-2</v>
      </c>
    </row>
  </sheetData>
  <mergeCells count="23">
    <mergeCell ref="A3:D3"/>
    <mergeCell ref="A4:D4"/>
    <mergeCell ref="A5:D5"/>
    <mergeCell ref="M34:W34"/>
    <mergeCell ref="X34:AH34"/>
    <mergeCell ref="B34:L34"/>
    <mergeCell ref="A33:BD33"/>
    <mergeCell ref="A32:BD32"/>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52.42578125" customWidth="1"/>
    <col min="9" max="9" width="25.5703125" customWidth="1"/>
    <col min="10" max="10" width="26.7109375" customWidth="1"/>
  </cols>
  <sheetData>
    <row r="1" spans="1:6" ht="31.5">
      <c r="A1" s="30" t="s">
        <v>41</v>
      </c>
    </row>
    <row r="3" spans="1:6" ht="18.75">
      <c r="A3" s="336" t="s">
        <v>1</v>
      </c>
      <c r="B3" s="336"/>
      <c r="C3" s="336"/>
      <c r="D3" s="336"/>
    </row>
    <row r="4" spans="1:6" ht="201" customHeight="1">
      <c r="A4" s="388" t="s">
        <v>584</v>
      </c>
      <c r="B4" s="388"/>
      <c r="C4" s="388"/>
      <c r="D4" s="388"/>
      <c r="F4" s="226"/>
    </row>
    <row r="5" spans="1:6" ht="34.5" customHeight="1">
      <c r="A5" s="373" t="s">
        <v>105</v>
      </c>
      <c r="B5" s="374"/>
      <c r="C5" s="374"/>
      <c r="D5" s="374"/>
    </row>
    <row r="6" spans="1:6" ht="43.5" customHeight="1">
      <c r="A6" s="32" t="s">
        <v>71</v>
      </c>
      <c r="B6" s="33" t="s">
        <v>72</v>
      </c>
      <c r="C6" s="34" t="s">
        <v>588</v>
      </c>
      <c r="D6" s="35" t="s">
        <v>73</v>
      </c>
    </row>
    <row r="7" spans="1:6" ht="56.25" customHeight="1">
      <c r="A7" s="36"/>
      <c r="B7" s="37" t="s">
        <v>74</v>
      </c>
      <c r="C7" s="38" t="s">
        <v>106</v>
      </c>
      <c r="D7" s="39" t="s">
        <v>76</v>
      </c>
    </row>
    <row r="8" spans="1:6">
      <c r="A8" s="40" t="s">
        <v>349</v>
      </c>
      <c r="B8" s="78">
        <v>13277</v>
      </c>
      <c r="C8" s="79">
        <v>3.677282666426394</v>
      </c>
      <c r="D8" s="80">
        <v>2.0993451205933784E-2</v>
      </c>
    </row>
    <row r="9" spans="1:6">
      <c r="A9" s="44" t="s">
        <v>350</v>
      </c>
      <c r="B9" s="114">
        <v>9829</v>
      </c>
      <c r="C9" s="115">
        <v>3.6556820477485221</v>
      </c>
      <c r="D9" s="116">
        <v>2.4262117158797572E-2</v>
      </c>
    </row>
    <row r="10" spans="1:6">
      <c r="A10" s="40" t="s">
        <v>351</v>
      </c>
      <c r="B10" s="78">
        <v>3448</v>
      </c>
      <c r="C10" s="79">
        <v>3.6954697037798288</v>
      </c>
      <c r="D10" s="80">
        <v>4.1708570481464757E-2</v>
      </c>
    </row>
    <row r="11" spans="1:6">
      <c r="A11" s="44" t="s">
        <v>533</v>
      </c>
      <c r="B11" s="114">
        <v>3071</v>
      </c>
      <c r="C11" s="115">
        <v>3.6886011770486653</v>
      </c>
      <c r="D11" s="116">
        <v>4.2721210722602612E-2</v>
      </c>
    </row>
    <row r="12" spans="1:6">
      <c r="A12" s="40" t="s">
        <v>534</v>
      </c>
      <c r="B12" s="78">
        <v>2440</v>
      </c>
      <c r="C12" s="79">
        <v>3.7334229685476612</v>
      </c>
      <c r="D12" s="80">
        <v>4.7585261247731776E-2</v>
      </c>
    </row>
    <row r="13" spans="1:6">
      <c r="A13" s="44" t="s">
        <v>535</v>
      </c>
      <c r="B13" s="114">
        <v>473</v>
      </c>
      <c r="C13" s="115">
        <v>3.6874536262912061</v>
      </c>
      <c r="D13" s="116">
        <v>0.1035037351253673</v>
      </c>
    </row>
    <row r="14" spans="1:6">
      <c r="A14" s="40" t="s">
        <v>536</v>
      </c>
      <c r="B14" s="78">
        <v>85</v>
      </c>
      <c r="C14" s="79">
        <v>3.8487168299586751</v>
      </c>
      <c r="D14" s="80">
        <v>0.25147266769666793</v>
      </c>
    </row>
    <row r="15" spans="1:6">
      <c r="A15" s="44" t="s">
        <v>537</v>
      </c>
      <c r="B15" s="114">
        <v>133</v>
      </c>
      <c r="C15" s="115">
        <v>3.7473357956216251</v>
      </c>
      <c r="D15" s="116">
        <v>0.18991225659699498</v>
      </c>
    </row>
    <row r="16" spans="1:6">
      <c r="A16" s="40" t="s">
        <v>538</v>
      </c>
      <c r="B16" s="78">
        <v>105</v>
      </c>
      <c r="C16" s="79">
        <v>3.5349132962553687</v>
      </c>
      <c r="D16" s="80">
        <v>0.24300307709812949</v>
      </c>
    </row>
    <row r="17" spans="1:17">
      <c r="A17" s="44" t="s">
        <v>539</v>
      </c>
      <c r="B17" s="114">
        <v>150</v>
      </c>
      <c r="C17" s="115">
        <v>3.6633709956900504</v>
      </c>
      <c r="D17" s="116">
        <v>0.17139550770697645</v>
      </c>
    </row>
    <row r="18" spans="1:17">
      <c r="A18" s="40" t="s">
        <v>540</v>
      </c>
      <c r="B18" s="111">
        <v>335</v>
      </c>
      <c r="C18" s="112">
        <v>3.6872267262284266</v>
      </c>
      <c r="D18" s="113">
        <v>0.12906385570062995</v>
      </c>
    </row>
    <row r="19" spans="1:17">
      <c r="A19" s="44" t="s">
        <v>541</v>
      </c>
      <c r="B19" s="114">
        <v>113</v>
      </c>
      <c r="C19" s="115">
        <v>3.7210435070691266</v>
      </c>
      <c r="D19" s="116">
        <v>0.21623387109281283</v>
      </c>
    </row>
    <row r="20" spans="1:17">
      <c r="A20" s="40" t="s">
        <v>542</v>
      </c>
      <c r="B20" s="78">
        <v>95</v>
      </c>
      <c r="C20" s="79">
        <v>3.9276363568705421</v>
      </c>
      <c r="D20" s="80">
        <v>0.24725714975347265</v>
      </c>
    </row>
    <row r="21" spans="1:17">
      <c r="A21" s="44" t="s">
        <v>543</v>
      </c>
      <c r="B21" s="114">
        <v>74</v>
      </c>
      <c r="C21" s="115">
        <v>3.3352436795182321</v>
      </c>
      <c r="D21" s="116">
        <v>0.27466584997104004</v>
      </c>
    </row>
    <row r="22" spans="1:17">
      <c r="A22" s="52" t="s">
        <v>544</v>
      </c>
      <c r="B22" s="111">
        <v>53</v>
      </c>
      <c r="C22" s="112">
        <v>3.6431708643817799</v>
      </c>
      <c r="D22" s="113">
        <v>0.32309606594354312</v>
      </c>
    </row>
    <row r="23" spans="1:17">
      <c r="A23" s="44" t="s">
        <v>545</v>
      </c>
      <c r="B23" s="114">
        <v>615</v>
      </c>
      <c r="C23" s="115">
        <v>3.7567196286722968</v>
      </c>
      <c r="D23" s="116">
        <v>9.3117720358177364E-2</v>
      </c>
    </row>
    <row r="24" spans="1:17">
      <c r="A24" s="52" t="s">
        <v>546</v>
      </c>
      <c r="B24" s="111">
        <v>65</v>
      </c>
      <c r="C24" s="112">
        <v>3.3502174495280053</v>
      </c>
      <c r="D24" s="113">
        <v>0.28951421532056137</v>
      </c>
    </row>
    <row r="25" spans="1:17">
      <c r="A25" s="44" t="s">
        <v>547</v>
      </c>
      <c r="B25" s="114">
        <v>141</v>
      </c>
      <c r="C25" s="115">
        <v>3.9992580784123826</v>
      </c>
      <c r="D25" s="116">
        <v>0.17960864750803512</v>
      </c>
    </row>
    <row r="26" spans="1:17">
      <c r="A26" s="52" t="s">
        <v>548</v>
      </c>
      <c r="B26" s="111">
        <v>159</v>
      </c>
      <c r="C26" s="112">
        <v>3.786038893554414</v>
      </c>
      <c r="D26" s="113">
        <v>0.19201623078487359</v>
      </c>
    </row>
    <row r="27" spans="1:17">
      <c r="A27" s="44" t="s">
        <v>549</v>
      </c>
      <c r="B27" s="114">
        <v>69</v>
      </c>
      <c r="C27" s="115">
        <v>3.3142947589467084</v>
      </c>
      <c r="D27" s="116">
        <v>0.28156465430649436</v>
      </c>
    </row>
    <row r="28" spans="1:17">
      <c r="A28" s="52" t="s">
        <v>550</v>
      </c>
      <c r="B28" s="111">
        <v>113</v>
      </c>
      <c r="C28" s="112">
        <v>3.9627630988097087</v>
      </c>
      <c r="D28" s="113">
        <v>0.20221713167602945</v>
      </c>
    </row>
    <row r="29" spans="1:17">
      <c r="A29" s="44" t="s">
        <v>551</v>
      </c>
      <c r="B29" s="114">
        <v>68</v>
      </c>
      <c r="C29" s="115">
        <v>3.4997852742620443</v>
      </c>
      <c r="D29" s="116">
        <v>0.2961377563765723</v>
      </c>
    </row>
    <row r="32" spans="1:17" ht="18.75">
      <c r="A32" s="336" t="s">
        <v>34</v>
      </c>
      <c r="B32" s="336"/>
      <c r="C32" s="336"/>
      <c r="D32" s="336"/>
      <c r="E32" s="336"/>
      <c r="F32" s="336"/>
      <c r="G32" s="336"/>
      <c r="H32" s="336"/>
      <c r="I32" s="336"/>
      <c r="J32" s="336"/>
      <c r="K32" s="336"/>
      <c r="L32" s="336"/>
      <c r="M32" s="336"/>
      <c r="N32" s="336"/>
      <c r="O32" s="336"/>
      <c r="P32" s="336"/>
      <c r="Q32" s="336"/>
    </row>
    <row r="33" spans="1:45" ht="58.5" customHeight="1">
      <c r="A33" s="372" t="s">
        <v>585</v>
      </c>
      <c r="B33" s="372"/>
      <c r="C33" s="372"/>
      <c r="D33" s="372"/>
      <c r="E33" s="372"/>
      <c r="F33" s="372"/>
      <c r="G33" s="372"/>
      <c r="H33" s="372"/>
      <c r="I33" s="372"/>
      <c r="J33" s="372"/>
      <c r="K33" s="372"/>
      <c r="L33" s="372"/>
      <c r="M33" s="372"/>
      <c r="N33" s="372"/>
      <c r="O33" s="372"/>
      <c r="P33" s="372"/>
      <c r="Q33" s="372"/>
    </row>
    <row r="34" spans="1:45" ht="39" customHeight="1">
      <c r="A34" s="104"/>
      <c r="B34" s="383" t="s">
        <v>107</v>
      </c>
      <c r="C34" s="369"/>
      <c r="D34" s="369"/>
      <c r="E34" s="369"/>
      <c r="F34" s="369"/>
      <c r="G34" s="369"/>
      <c r="H34" s="370"/>
      <c r="I34" s="365" t="s">
        <v>274</v>
      </c>
      <c r="J34" s="382"/>
      <c r="K34" s="382"/>
      <c r="L34" s="382"/>
      <c r="M34" s="382"/>
      <c r="N34" s="382"/>
      <c r="O34" s="382"/>
      <c r="P34" s="382"/>
      <c r="Q34" s="382"/>
      <c r="R34" s="289"/>
      <c r="S34" s="289"/>
      <c r="T34" s="289"/>
      <c r="U34" s="289"/>
      <c r="V34" s="289"/>
      <c r="W34" s="289"/>
      <c r="X34" s="289"/>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9.75" customHeight="1">
      <c r="A35" s="32" t="s">
        <v>71</v>
      </c>
      <c r="B35" s="33" t="s">
        <v>72</v>
      </c>
      <c r="C35" s="33" t="s">
        <v>174</v>
      </c>
      <c r="D35" s="84" t="s">
        <v>108</v>
      </c>
      <c r="E35" s="33" t="s">
        <v>187</v>
      </c>
      <c r="F35" s="84" t="s">
        <v>529</v>
      </c>
      <c r="G35" s="33" t="s">
        <v>189</v>
      </c>
      <c r="H35" s="84" t="s">
        <v>530</v>
      </c>
      <c r="I35" s="60" t="s">
        <v>72</v>
      </c>
      <c r="J35" s="60" t="s">
        <v>175</v>
      </c>
      <c r="K35" s="83" t="s">
        <v>109</v>
      </c>
      <c r="L35" s="60" t="s">
        <v>176</v>
      </c>
      <c r="M35" s="83" t="s">
        <v>110</v>
      </c>
      <c r="N35" s="60" t="s">
        <v>177</v>
      </c>
      <c r="O35" s="83" t="s">
        <v>111</v>
      </c>
      <c r="P35" s="60" t="s">
        <v>452</v>
      </c>
      <c r="Q35" s="83" t="s">
        <v>112</v>
      </c>
    </row>
    <row r="36" spans="1:45" ht="63" customHeight="1">
      <c r="A36" s="36"/>
      <c r="B36" s="37" t="s">
        <v>74</v>
      </c>
      <c r="C36" s="37" t="s">
        <v>186</v>
      </c>
      <c r="D36" s="86" t="s">
        <v>88</v>
      </c>
      <c r="E36" s="37" t="s">
        <v>188</v>
      </c>
      <c r="F36" s="86" t="s">
        <v>88</v>
      </c>
      <c r="G36" s="37" t="s">
        <v>190</v>
      </c>
      <c r="H36" s="86" t="s">
        <v>88</v>
      </c>
      <c r="I36" s="63" t="s">
        <v>74</v>
      </c>
      <c r="J36" s="63" t="s">
        <v>275</v>
      </c>
      <c r="K36" s="85" t="s">
        <v>88</v>
      </c>
      <c r="L36" s="63" t="s">
        <v>276</v>
      </c>
      <c r="M36" s="85" t="s">
        <v>88</v>
      </c>
      <c r="N36" s="63" t="s">
        <v>277</v>
      </c>
      <c r="O36" s="85" t="s">
        <v>88</v>
      </c>
      <c r="P36" s="63" t="s">
        <v>453</v>
      </c>
      <c r="Q36" s="85" t="s">
        <v>88</v>
      </c>
    </row>
    <row r="37" spans="1:45">
      <c r="A37" s="40" t="s">
        <v>349</v>
      </c>
      <c r="B37" s="117">
        <v>12826</v>
      </c>
      <c r="C37" s="118">
        <v>0.39013594225533765</v>
      </c>
      <c r="D37" s="89">
        <v>8.6128728508205275E-3</v>
      </c>
      <c r="E37" s="118">
        <v>0.39765529260872923</v>
      </c>
      <c r="F37" s="89">
        <v>8.6416867646339837E-3</v>
      </c>
      <c r="G37" s="118">
        <v>0.21220876513595732</v>
      </c>
      <c r="H37" s="89">
        <v>7.2205612906470363E-3</v>
      </c>
      <c r="I37" s="119">
        <v>13248</v>
      </c>
      <c r="J37" s="118">
        <v>8.6136148489609266E-2</v>
      </c>
      <c r="K37" s="89">
        <v>4.8776177899403084E-3</v>
      </c>
      <c r="L37" s="118">
        <v>0.36389344524439077</v>
      </c>
      <c r="M37" s="89">
        <v>8.358951838977384E-3</v>
      </c>
      <c r="N37" s="118">
        <v>0.41575309974401586</v>
      </c>
      <c r="O37" s="89">
        <v>8.5626672652034455E-3</v>
      </c>
      <c r="P37" s="118">
        <v>0.13421730652200231</v>
      </c>
      <c r="Q37" s="89">
        <v>5.9244610991499537E-3</v>
      </c>
    </row>
    <row r="38" spans="1:45">
      <c r="A38" s="44" t="s">
        <v>350</v>
      </c>
      <c r="B38" s="44">
        <v>9430</v>
      </c>
      <c r="C38" s="121">
        <v>0.4043696540164739</v>
      </c>
      <c r="D38" s="92">
        <v>1.0105707783584226E-2</v>
      </c>
      <c r="E38" s="121">
        <v>0.40056797631620755</v>
      </c>
      <c r="F38" s="92">
        <v>1.0090152347239631E-2</v>
      </c>
      <c r="G38" s="121">
        <v>0.19506236966732188</v>
      </c>
      <c r="H38" s="92">
        <v>8.161292155039029E-3</v>
      </c>
      <c r="I38" s="44">
        <v>9814</v>
      </c>
      <c r="J38" s="121">
        <v>9.1078975540440338E-2</v>
      </c>
      <c r="K38" s="92">
        <v>5.8122951467587669E-3</v>
      </c>
      <c r="L38" s="121">
        <v>0.35863998213530723</v>
      </c>
      <c r="M38" s="92">
        <v>9.6808645333178039E-3</v>
      </c>
      <c r="N38" s="121">
        <v>0.41783543704047538</v>
      </c>
      <c r="O38" s="92">
        <v>9.9551752429515861E-3</v>
      </c>
      <c r="P38" s="121">
        <v>0.13244560528377944</v>
      </c>
      <c r="Q38" s="92">
        <v>6.8453160618524248E-3</v>
      </c>
    </row>
    <row r="39" spans="1:45">
      <c r="A39" s="40" t="s">
        <v>351</v>
      </c>
      <c r="B39" s="48">
        <v>3396</v>
      </c>
      <c r="C39" s="118">
        <v>0.37826662069572459</v>
      </c>
      <c r="D39" s="89">
        <v>1.6635038574700226E-2</v>
      </c>
      <c r="E39" s="118">
        <v>0.39522644059136169</v>
      </c>
      <c r="F39" s="89">
        <v>1.6770012293092443E-2</v>
      </c>
      <c r="G39" s="118">
        <v>0.226506938712913</v>
      </c>
      <c r="H39" s="89">
        <v>1.4364066205567778E-2</v>
      </c>
      <c r="I39" s="48">
        <v>3434</v>
      </c>
      <c r="J39" s="118">
        <v>8.1964834065367226E-2</v>
      </c>
      <c r="K39" s="89">
        <v>9.3818858774779128E-3</v>
      </c>
      <c r="L39" s="118">
        <v>0.36832690937710238</v>
      </c>
      <c r="M39" s="89">
        <v>1.6454231396449841E-2</v>
      </c>
      <c r="N39" s="118">
        <v>0.41399578889506777</v>
      </c>
      <c r="O39" s="89">
        <v>1.6801218734391991E-2</v>
      </c>
      <c r="P39" s="118">
        <v>0.13571246766246228</v>
      </c>
      <c r="Q39" s="89">
        <v>1.1697327494316968E-2</v>
      </c>
    </row>
    <row r="40" spans="1:45">
      <c r="A40" s="44" t="s">
        <v>533</v>
      </c>
      <c r="B40" s="44">
        <v>2928</v>
      </c>
      <c r="C40" s="121">
        <v>0.404358104728328</v>
      </c>
      <c r="D40" s="92">
        <v>1.8127845575834182E-2</v>
      </c>
      <c r="E40" s="121">
        <v>0.40112172592968132</v>
      </c>
      <c r="F40" s="92">
        <v>1.8104205911814778E-2</v>
      </c>
      <c r="G40" s="121">
        <v>0.19452016934198771</v>
      </c>
      <c r="H40" s="92">
        <v>1.4632213175611242E-2</v>
      </c>
      <c r="I40" s="44">
        <v>3063</v>
      </c>
      <c r="J40" s="121">
        <v>6.9968660566969612E-2</v>
      </c>
      <c r="K40" s="92">
        <v>9.2464780707950268E-3</v>
      </c>
      <c r="L40" s="121">
        <v>0.34825717986743127</v>
      </c>
      <c r="M40" s="92">
        <v>1.7207536143173895E-2</v>
      </c>
      <c r="N40" s="121">
        <v>0.43234772380586134</v>
      </c>
      <c r="O40" s="92">
        <v>1.7891281281021208E-2</v>
      </c>
      <c r="P40" s="121">
        <v>0.14942643575973416</v>
      </c>
      <c r="Q40" s="92">
        <v>1.2891083737482352E-2</v>
      </c>
    </row>
    <row r="41" spans="1:45">
      <c r="A41" s="40" t="s">
        <v>534</v>
      </c>
      <c r="B41" s="48">
        <v>2309</v>
      </c>
      <c r="C41" s="118">
        <v>0.4222312509596059</v>
      </c>
      <c r="D41" s="89">
        <v>2.0540593735434157E-2</v>
      </c>
      <c r="E41" s="118">
        <v>0.40099228913034046</v>
      </c>
      <c r="F41" s="89">
        <v>2.0382479696408103E-2</v>
      </c>
      <c r="G41" s="118">
        <v>0.17677645991005339</v>
      </c>
      <c r="H41" s="89">
        <v>1.588368738212094E-2</v>
      </c>
      <c r="I41" s="48">
        <v>2434</v>
      </c>
      <c r="J41" s="118">
        <v>6.3073840266676728E-2</v>
      </c>
      <c r="K41" s="89">
        <v>9.8987032578922666E-3</v>
      </c>
      <c r="L41" s="118">
        <v>0.3107956424617998</v>
      </c>
      <c r="M41" s="89">
        <v>1.8751826050479425E-2</v>
      </c>
      <c r="N41" s="118">
        <v>0.46350206463338212</v>
      </c>
      <c r="O41" s="89">
        <v>2.0198858318181297E-2</v>
      </c>
      <c r="P41" s="118">
        <v>0.16262845263814207</v>
      </c>
      <c r="Q41" s="89">
        <v>1.4968033625974632E-2</v>
      </c>
    </row>
    <row r="42" spans="1:45">
      <c r="A42" s="44" t="s">
        <v>535</v>
      </c>
      <c r="B42" s="44">
        <v>450</v>
      </c>
      <c r="C42" s="121">
        <v>0.45565292201225921</v>
      </c>
      <c r="D42" s="92">
        <v>4.6750612035828532E-2</v>
      </c>
      <c r="E42" s="121">
        <v>0.38130773918782279</v>
      </c>
      <c r="F42" s="92">
        <v>4.561467591127942E-2</v>
      </c>
      <c r="G42" s="121">
        <v>0.16303933879992133</v>
      </c>
      <c r="H42" s="92">
        <v>3.4925906167736928E-2</v>
      </c>
      <c r="I42" s="44">
        <v>472</v>
      </c>
      <c r="J42" s="121">
        <v>6.6559497842745466E-2</v>
      </c>
      <c r="K42" s="92">
        <v>2.342044545245266E-2</v>
      </c>
      <c r="L42" s="121">
        <v>0.28812017142736546</v>
      </c>
      <c r="M42" s="92">
        <v>4.1592084057525604E-2</v>
      </c>
      <c r="N42" s="121">
        <v>0.4972736289704337</v>
      </c>
      <c r="O42" s="92">
        <v>4.5834254859279715E-2</v>
      </c>
      <c r="P42" s="121">
        <v>0.14804670175945897</v>
      </c>
      <c r="Q42" s="92">
        <v>3.2822670499464773E-2</v>
      </c>
    </row>
    <row r="43" spans="1:45">
      <c r="A43" s="40" t="s">
        <v>536</v>
      </c>
      <c r="B43" s="48">
        <v>82</v>
      </c>
      <c r="C43" s="118">
        <v>0.42640077505430724</v>
      </c>
      <c r="D43" s="89">
        <v>0.10676540862528497</v>
      </c>
      <c r="E43" s="118">
        <v>0.38026636140440118</v>
      </c>
      <c r="F43" s="89">
        <v>0.10498425945498882</v>
      </c>
      <c r="G43" s="118">
        <v>0.19333286354129098</v>
      </c>
      <c r="H43" s="89">
        <v>8.7470969190190095E-2</v>
      </c>
      <c r="I43" s="48">
        <v>85</v>
      </c>
      <c r="J43" s="118">
        <v>6.4624779219508086E-2</v>
      </c>
      <c r="K43" s="89">
        <v>5.8867162403965397E-2</v>
      </c>
      <c r="L43" s="118">
        <v>0.22916802274231671</v>
      </c>
      <c r="M43" s="89">
        <v>9.0713806510319114E-2</v>
      </c>
      <c r="N43" s="118">
        <v>0.52047173944550174</v>
      </c>
      <c r="O43" s="89">
        <v>0.10591871645867947</v>
      </c>
      <c r="P43" s="118">
        <v>0.18573545859267329</v>
      </c>
      <c r="Q43" s="89">
        <v>8.4777515808943313E-2</v>
      </c>
    </row>
    <row r="44" spans="1:45">
      <c r="A44" s="44" t="s">
        <v>537</v>
      </c>
      <c r="B44" s="44">
        <v>126</v>
      </c>
      <c r="C44" s="121">
        <v>0.45677670825491373</v>
      </c>
      <c r="D44" s="92">
        <v>8.7397403183177527E-2</v>
      </c>
      <c r="E44" s="121">
        <v>0.3311191360972599</v>
      </c>
      <c r="F44" s="92">
        <v>8.2872910069519259E-2</v>
      </c>
      <c r="G44" s="121">
        <v>0.21210415564782634</v>
      </c>
      <c r="H44" s="92">
        <v>7.277744105963288E-2</v>
      </c>
      <c r="I44" s="44">
        <v>133</v>
      </c>
      <c r="J44" s="121">
        <v>7.1679803258179131E-2</v>
      </c>
      <c r="K44" s="92">
        <v>4.7445182695079836E-2</v>
      </c>
      <c r="L44" s="121">
        <v>0.32540296431115867</v>
      </c>
      <c r="M44" s="92">
        <v>8.0376846581742226E-2</v>
      </c>
      <c r="N44" s="121">
        <v>0.46700288235296356</v>
      </c>
      <c r="O44" s="92">
        <v>8.5260244315893116E-2</v>
      </c>
      <c r="P44" s="121">
        <v>0.1359143500776985</v>
      </c>
      <c r="Q44" s="92">
        <v>6.0428946452433158E-2</v>
      </c>
    </row>
    <row r="45" spans="1:45">
      <c r="A45" s="40" t="s">
        <v>538</v>
      </c>
      <c r="B45" s="48">
        <v>98</v>
      </c>
      <c r="C45" s="118">
        <v>0.53478175487117852</v>
      </c>
      <c r="D45" s="89">
        <v>9.8793357920913316E-2</v>
      </c>
      <c r="E45" s="118">
        <v>0.32997747329294752</v>
      </c>
      <c r="F45" s="89">
        <v>9.3581285125612326E-2</v>
      </c>
      <c r="G45" s="118">
        <v>0.13524077183587316</v>
      </c>
      <c r="H45" s="89">
        <v>7.0622257151143411E-2</v>
      </c>
      <c r="I45" s="48">
        <v>104</v>
      </c>
      <c r="J45" s="118">
        <v>0.10776779887082545</v>
      </c>
      <c r="K45" s="89">
        <v>6.3051675045059416E-2</v>
      </c>
      <c r="L45" s="118">
        <v>0.24815154190613911</v>
      </c>
      <c r="M45" s="89">
        <v>8.4147949936396987E-2</v>
      </c>
      <c r="N45" s="118">
        <v>0.46799675179431705</v>
      </c>
      <c r="O45" s="89">
        <v>9.6042092316572777E-2</v>
      </c>
      <c r="P45" s="118">
        <v>0.17608390742871766</v>
      </c>
      <c r="Q45" s="89">
        <v>7.5205006854846476E-2</v>
      </c>
    </row>
    <row r="46" spans="1:45">
      <c r="A46" s="44" t="s">
        <v>539</v>
      </c>
      <c r="B46" s="44">
        <v>144</v>
      </c>
      <c r="C46" s="121">
        <v>0.42807045468515115</v>
      </c>
      <c r="D46" s="92">
        <v>8.1390289163257593E-2</v>
      </c>
      <c r="E46" s="121">
        <v>0.43738769543850681</v>
      </c>
      <c r="F46" s="92">
        <v>8.1587085596845327E-2</v>
      </c>
      <c r="G46" s="121">
        <v>0.13454184987634143</v>
      </c>
      <c r="H46" s="92">
        <v>5.7788575871754996E-2</v>
      </c>
      <c r="I46" s="44">
        <v>150</v>
      </c>
      <c r="J46" s="121">
        <v>4.4009012832963483E-2</v>
      </c>
      <c r="K46" s="92">
        <v>3.7009435187525461E-2</v>
      </c>
      <c r="L46" s="121">
        <v>0.30885985358835133</v>
      </c>
      <c r="M46" s="92">
        <v>7.4787785547196325E-2</v>
      </c>
      <c r="N46" s="121">
        <v>0.52059374665927927</v>
      </c>
      <c r="O46" s="92">
        <v>8.0517424551462921E-2</v>
      </c>
      <c r="P46" s="121">
        <v>0.12653738691940544</v>
      </c>
      <c r="Q46" s="92">
        <v>5.5286033010159247E-2</v>
      </c>
    </row>
    <row r="47" spans="1:45">
      <c r="A47" s="40" t="s">
        <v>540</v>
      </c>
      <c r="B47" s="117">
        <v>324</v>
      </c>
      <c r="C47" s="118">
        <v>0.41726429702445061</v>
      </c>
      <c r="D47" s="89">
        <v>5.4473168763588931E-2</v>
      </c>
      <c r="E47" s="118">
        <v>0.41486453480650509</v>
      </c>
      <c r="F47" s="89">
        <v>5.4429150219227583E-2</v>
      </c>
      <c r="G47" s="118">
        <v>0.16787116816904454</v>
      </c>
      <c r="H47" s="89">
        <v>4.1667164181250216E-2</v>
      </c>
      <c r="I47" s="119">
        <v>335</v>
      </c>
      <c r="J47" s="118">
        <v>6.9127598834009915E-2</v>
      </c>
      <c r="K47" s="89">
        <v>2.8472264951671818E-2</v>
      </c>
      <c r="L47" s="118">
        <v>0.32672922804255378</v>
      </c>
      <c r="M47" s="89">
        <v>5.1028543271148058E-2</v>
      </c>
      <c r="N47" s="118">
        <v>0.43844347179208037</v>
      </c>
      <c r="O47" s="89">
        <v>5.3909099398089286E-2</v>
      </c>
      <c r="P47" s="118">
        <v>0.16569970133135642</v>
      </c>
      <c r="Q47" s="89">
        <v>4.0769164829370153E-2</v>
      </c>
    </row>
    <row r="48" spans="1:45">
      <c r="A48" s="44" t="s">
        <v>541</v>
      </c>
      <c r="B48" s="120">
        <v>110</v>
      </c>
      <c r="C48" s="121">
        <v>0.3688977962952889</v>
      </c>
      <c r="D48" s="92">
        <v>9.0611414799468576E-2</v>
      </c>
      <c r="E48" s="121">
        <v>0.4841914524441952</v>
      </c>
      <c r="F48" s="92">
        <v>9.3614985999290481E-2</v>
      </c>
      <c r="G48" s="121">
        <v>0.14691075126051645</v>
      </c>
      <c r="H48" s="92">
        <v>6.8549740226996531E-2</v>
      </c>
      <c r="I48" s="122">
        <v>113</v>
      </c>
      <c r="J48" s="121">
        <v>8.3192860163955829E-2</v>
      </c>
      <c r="K48" s="92">
        <v>5.483389108188183E-2</v>
      </c>
      <c r="L48" s="121">
        <v>0.25467905283139414</v>
      </c>
      <c r="M48" s="92">
        <v>8.1411128006019712E-2</v>
      </c>
      <c r="N48" s="121">
        <v>0.50835672951670785</v>
      </c>
      <c r="O48" s="92">
        <v>9.2437987249116338E-2</v>
      </c>
      <c r="P48" s="121">
        <v>0.15377135748794257</v>
      </c>
      <c r="Q48" s="92">
        <v>6.8732641180099988E-2</v>
      </c>
    </row>
    <row r="49" spans="1:17">
      <c r="A49" s="40" t="s">
        <v>542</v>
      </c>
      <c r="B49" s="78">
        <v>95</v>
      </c>
      <c r="C49" s="93">
        <v>0.37069048184431935</v>
      </c>
      <c r="D49" s="89">
        <v>9.7359676755922234E-2</v>
      </c>
      <c r="E49" s="93">
        <v>0.41262117885318317</v>
      </c>
      <c r="F49" s="89">
        <v>9.9080510452506265E-2</v>
      </c>
      <c r="G49" s="93">
        <v>0.21668833930249831</v>
      </c>
      <c r="H49" s="89">
        <v>8.4348859835219378E-2</v>
      </c>
      <c r="I49" s="78">
        <v>95</v>
      </c>
      <c r="J49" s="93">
        <v>3.6963119358753349E-2</v>
      </c>
      <c r="K49" s="89">
        <v>4.6088340389834982E-2</v>
      </c>
      <c r="L49" s="93">
        <v>0.28983832041116292</v>
      </c>
      <c r="M49" s="89">
        <v>9.1965977605568877E-2</v>
      </c>
      <c r="N49" s="93">
        <v>0.45572260627366717</v>
      </c>
      <c r="O49" s="89">
        <v>0.10014025218708955</v>
      </c>
      <c r="P49" s="93">
        <v>0.21747595395641731</v>
      </c>
      <c r="Q49" s="89">
        <v>8.4447089742629752E-2</v>
      </c>
    </row>
    <row r="50" spans="1:17">
      <c r="A50" s="44" t="s">
        <v>543</v>
      </c>
      <c r="B50" s="120">
        <v>69</v>
      </c>
      <c r="C50" s="121">
        <v>0.55388114489974827</v>
      </c>
      <c r="D50" s="92">
        <v>0.1164324160665068</v>
      </c>
      <c r="E50" s="121">
        <v>0.28061808305835162</v>
      </c>
      <c r="F50" s="92">
        <v>0.10650137817155751</v>
      </c>
      <c r="G50" s="121">
        <v>0.16550077204189997</v>
      </c>
      <c r="H50" s="92">
        <v>9.0670625635646401E-2</v>
      </c>
      <c r="I50" s="122">
        <v>74</v>
      </c>
      <c r="J50" s="121">
        <v>9.7508144441378328E-2</v>
      </c>
      <c r="K50" s="92">
        <v>7.3096222049989931E-2</v>
      </c>
      <c r="L50" s="121">
        <v>0.44312991516805816</v>
      </c>
      <c r="M50" s="92">
        <v>0.11256656184043311</v>
      </c>
      <c r="N50" s="121">
        <v>0.33780914879954593</v>
      </c>
      <c r="O50" s="92">
        <v>0.1077325714375193</v>
      </c>
      <c r="P50" s="121">
        <v>0.12155279159101738</v>
      </c>
      <c r="Q50" s="92">
        <v>7.8802096509467151E-2</v>
      </c>
    </row>
    <row r="51" spans="1:17">
      <c r="A51" s="52" t="s">
        <v>544</v>
      </c>
      <c r="B51" s="117">
        <v>50</v>
      </c>
      <c r="C51" s="118">
        <v>0.41707642175409043</v>
      </c>
      <c r="D51" s="89">
        <v>0.13446868396814815</v>
      </c>
      <c r="E51" s="118">
        <v>0.49437348082503874</v>
      </c>
      <c r="F51" s="89">
        <v>0.13607537633656874</v>
      </c>
      <c r="G51" s="118">
        <v>8.8550097420871374E-2</v>
      </c>
      <c r="H51" s="89">
        <v>8.8132994883313526E-2</v>
      </c>
      <c r="I51" s="119">
        <v>53</v>
      </c>
      <c r="J51" s="118">
        <v>6.2778241277292382E-2</v>
      </c>
      <c r="K51" s="89">
        <v>7.7108085686340158E-2</v>
      </c>
      <c r="L51" s="118">
        <v>0.38765610659520183</v>
      </c>
      <c r="M51" s="89">
        <v>0.1295303487093469</v>
      </c>
      <c r="N51" s="118">
        <v>0.40612152726151513</v>
      </c>
      <c r="O51" s="89">
        <v>0.13041912649243373</v>
      </c>
      <c r="P51" s="118">
        <v>0.1434441248659912</v>
      </c>
      <c r="Q51" s="89">
        <v>9.914898760713825E-2</v>
      </c>
    </row>
    <row r="52" spans="1:17">
      <c r="A52" s="44" t="s">
        <v>545</v>
      </c>
      <c r="B52" s="120">
        <v>581</v>
      </c>
      <c r="C52" s="121">
        <v>0.4230312585392294</v>
      </c>
      <c r="D52" s="92">
        <v>4.0858860708499881E-2</v>
      </c>
      <c r="E52" s="121">
        <v>0.36446907601072243</v>
      </c>
      <c r="F52" s="92">
        <v>3.9818537521612782E-2</v>
      </c>
      <c r="G52" s="121">
        <v>0.212499665450053</v>
      </c>
      <c r="H52" s="92">
        <v>3.394012200684017E-2</v>
      </c>
      <c r="I52" s="122">
        <v>612</v>
      </c>
      <c r="J52" s="121">
        <v>6.117465083836942E-2</v>
      </c>
      <c r="K52" s="92">
        <v>1.9726222288402248E-2</v>
      </c>
      <c r="L52" s="121">
        <v>0.33059994671445669</v>
      </c>
      <c r="M52" s="92">
        <v>3.7940066559286029E-2</v>
      </c>
      <c r="N52" s="121">
        <v>0.44942249504648335</v>
      </c>
      <c r="O52" s="92">
        <v>4.0087163959098948E-2</v>
      </c>
      <c r="P52" s="121">
        <v>0.1588029074006945</v>
      </c>
      <c r="Q52" s="92">
        <v>2.9617861001854085E-2</v>
      </c>
    </row>
    <row r="53" spans="1:17">
      <c r="A53" s="52" t="s">
        <v>546</v>
      </c>
      <c r="B53" s="117">
        <v>59</v>
      </c>
      <c r="C53" s="118">
        <v>0.58329243126855379</v>
      </c>
      <c r="D53" s="89">
        <v>0.12444553150474609</v>
      </c>
      <c r="E53" s="118">
        <v>0.29012129314277663</v>
      </c>
      <c r="F53" s="89">
        <v>0.11584524127499804</v>
      </c>
      <c r="G53" s="118">
        <v>0.1265862755886695</v>
      </c>
      <c r="H53" s="89">
        <v>9.0046362438431768E-2</v>
      </c>
      <c r="I53" s="119">
        <v>65</v>
      </c>
      <c r="J53" s="118">
        <v>0.10331049885000397</v>
      </c>
      <c r="K53" s="89">
        <v>7.9983163273747895E-2</v>
      </c>
      <c r="L53" s="118">
        <v>0.39621578517714162</v>
      </c>
      <c r="M53" s="89">
        <v>0.11806200024055132</v>
      </c>
      <c r="N53" s="118">
        <v>0.39253547620358786</v>
      </c>
      <c r="O53" s="89">
        <v>0.11789249247992596</v>
      </c>
      <c r="P53" s="118">
        <v>0.10793823976926627</v>
      </c>
      <c r="Q53" s="89">
        <v>8.1148543191677247E-2</v>
      </c>
    </row>
    <row r="54" spans="1:17">
      <c r="A54" s="44" t="s">
        <v>547</v>
      </c>
      <c r="B54" s="120">
        <v>130</v>
      </c>
      <c r="C54" s="121">
        <v>0.32666135101729621</v>
      </c>
      <c r="D54" s="92">
        <v>8.1354347039621258E-2</v>
      </c>
      <c r="E54" s="121">
        <v>0.44081170065850223</v>
      </c>
      <c r="F54" s="92">
        <v>8.5815277686051156E-2</v>
      </c>
      <c r="G54" s="121">
        <v>0.23252694832420306</v>
      </c>
      <c r="H54" s="92">
        <v>7.3842424461707787E-2</v>
      </c>
      <c r="I54" s="122">
        <v>140</v>
      </c>
      <c r="J54" s="121">
        <v>5.082337793110997E-2</v>
      </c>
      <c r="K54" s="92">
        <v>4.0583778991838459E-2</v>
      </c>
      <c r="L54" s="121">
        <v>0.31383521083046301</v>
      </c>
      <c r="M54" s="92">
        <v>7.7681925657514056E-2</v>
      </c>
      <c r="N54" s="121">
        <v>0.40894627789115801</v>
      </c>
      <c r="O54" s="92">
        <v>8.2016837937435597E-2</v>
      </c>
      <c r="P54" s="121">
        <v>0.22639513334727038</v>
      </c>
      <c r="Q54" s="92">
        <v>7.056153398840255E-2</v>
      </c>
    </row>
    <row r="55" spans="1:17">
      <c r="A55" s="52" t="s">
        <v>548</v>
      </c>
      <c r="B55" s="117">
        <v>150</v>
      </c>
      <c r="C55" s="118">
        <v>0.46749247668406008</v>
      </c>
      <c r="D55" s="89">
        <v>8.04205574828048E-2</v>
      </c>
      <c r="E55" s="118">
        <v>0.32936443900006063</v>
      </c>
      <c r="F55" s="89">
        <v>7.6000069558483319E-2</v>
      </c>
      <c r="G55" s="118">
        <v>0.20314308431587955</v>
      </c>
      <c r="H55" s="89">
        <v>6.5741404126699793E-2</v>
      </c>
      <c r="I55" s="119">
        <v>158</v>
      </c>
      <c r="J55" s="118">
        <v>5.7803671170510038E-2</v>
      </c>
      <c r="K55" s="89">
        <v>3.9752124610039005E-2</v>
      </c>
      <c r="L55" s="118">
        <v>0.2752491046007613</v>
      </c>
      <c r="M55" s="89">
        <v>7.0614709503536502E-2</v>
      </c>
      <c r="N55" s="118">
        <v>0.46866549214567937</v>
      </c>
      <c r="O55" s="89">
        <v>7.8420524604108185E-2</v>
      </c>
      <c r="P55" s="118">
        <v>0.19828173208304989</v>
      </c>
      <c r="Q55" s="89">
        <v>6.3519431977292151E-2</v>
      </c>
    </row>
    <row r="56" spans="1:17">
      <c r="A56" s="44" t="s">
        <v>549</v>
      </c>
      <c r="B56" s="120">
        <v>67</v>
      </c>
      <c r="C56" s="121">
        <v>0.58283559586656153</v>
      </c>
      <c r="D56" s="92">
        <v>0.11721886077041932</v>
      </c>
      <c r="E56" s="121">
        <v>0.38147984797913964</v>
      </c>
      <c r="F56" s="92">
        <v>0.11567101289248369</v>
      </c>
      <c r="G56" s="121">
        <v>3.5684556154298532E-2</v>
      </c>
      <c r="H56" s="92">
        <v>5.7172136766416963E-2</v>
      </c>
      <c r="I56" s="122">
        <v>68</v>
      </c>
      <c r="J56" s="121">
        <v>0.10805939793812891</v>
      </c>
      <c r="K56" s="92">
        <v>7.9224379145317048E-2</v>
      </c>
      <c r="L56" s="121">
        <v>0.43125690832486441</v>
      </c>
      <c r="M56" s="92">
        <v>0.11685339109691346</v>
      </c>
      <c r="N56" s="121">
        <v>0.34282037183636715</v>
      </c>
      <c r="O56" s="92">
        <v>0.11253724359718492</v>
      </c>
      <c r="P56" s="121">
        <v>0.11786332190063875</v>
      </c>
      <c r="Q56" s="92">
        <v>8.1563280304507366E-2</v>
      </c>
    </row>
    <row r="57" spans="1:17">
      <c r="A57" s="52" t="s">
        <v>550</v>
      </c>
      <c r="B57" s="117">
        <v>107</v>
      </c>
      <c r="C57" s="118">
        <v>0.32918801768841788</v>
      </c>
      <c r="D57" s="89">
        <v>8.9621467332201651E-2</v>
      </c>
      <c r="E57" s="118">
        <v>0.37800068417963717</v>
      </c>
      <c r="F57" s="89">
        <v>9.2252990877843166E-2</v>
      </c>
      <c r="G57" s="118">
        <v>0.2928112981319439</v>
      </c>
      <c r="H57" s="89">
        <v>8.7014743707781894E-2</v>
      </c>
      <c r="I57" s="119">
        <v>113</v>
      </c>
      <c r="J57" s="118">
        <v>1.830741978057918E-2</v>
      </c>
      <c r="K57" s="89">
        <v>3.3875692239304762E-2</v>
      </c>
      <c r="L57" s="118">
        <v>0.319492169040485</v>
      </c>
      <c r="M57" s="89">
        <v>8.6648270603586819E-2</v>
      </c>
      <c r="N57" s="118">
        <v>0.53474592698205081</v>
      </c>
      <c r="O57" s="89">
        <v>9.2241574045589844E-2</v>
      </c>
      <c r="P57" s="118">
        <v>0.12745448419688377</v>
      </c>
      <c r="Q57" s="89">
        <v>6.4194560907937126E-2</v>
      </c>
    </row>
    <row r="58" spans="1:17">
      <c r="A58" s="44" t="s">
        <v>551</v>
      </c>
      <c r="B58" s="120">
        <v>68</v>
      </c>
      <c r="C58" s="121">
        <v>0.42886566215657895</v>
      </c>
      <c r="D58" s="92">
        <v>0.11678244756677947</v>
      </c>
      <c r="E58" s="121">
        <v>0.35653099320442783</v>
      </c>
      <c r="F58" s="92">
        <v>0.11344116310485465</v>
      </c>
      <c r="G58" s="121">
        <v>0.21460334463899297</v>
      </c>
      <c r="H58" s="92">
        <v>9.9260458544120411E-2</v>
      </c>
      <c r="I58" s="122">
        <v>68</v>
      </c>
      <c r="J58" s="121">
        <v>0.10891754354315632</v>
      </c>
      <c r="K58" s="92">
        <v>7.9434250015795974E-2</v>
      </c>
      <c r="L58" s="121">
        <v>0.39821496093651942</v>
      </c>
      <c r="M58" s="92">
        <v>0.11565248774795647</v>
      </c>
      <c r="N58" s="121">
        <v>0.39515961744706229</v>
      </c>
      <c r="O58" s="92">
        <v>0.11551715798704112</v>
      </c>
      <c r="P58" s="121">
        <v>9.7707878073261617E-2</v>
      </c>
      <c r="Q58" s="92">
        <v>7.6609997681807915E-2</v>
      </c>
    </row>
    <row r="61" spans="1:17" ht="18.75">
      <c r="A61" s="336" t="s">
        <v>35</v>
      </c>
      <c r="B61" s="336"/>
      <c r="C61" s="336"/>
      <c r="D61" s="336"/>
      <c r="E61" s="336"/>
      <c r="F61" s="336"/>
      <c r="G61" s="336"/>
      <c r="H61" s="336"/>
      <c r="I61" s="336"/>
      <c r="J61" s="336"/>
      <c r="K61" s="336"/>
      <c r="L61" s="336"/>
      <c r="M61" s="336"/>
      <c r="N61" s="336"/>
      <c r="O61" s="336"/>
      <c r="P61" s="336"/>
    </row>
    <row r="62" spans="1:17" ht="83.25" customHeight="1">
      <c r="A62" s="387" t="s">
        <v>586</v>
      </c>
      <c r="B62" s="387"/>
      <c r="C62" s="387"/>
      <c r="D62" s="387"/>
      <c r="E62" s="387"/>
      <c r="F62" s="387"/>
      <c r="G62" s="387"/>
      <c r="H62" s="387"/>
      <c r="I62" s="387"/>
      <c r="J62" s="387"/>
      <c r="K62" s="387"/>
      <c r="L62" s="387"/>
      <c r="M62" s="387"/>
      <c r="N62" s="387"/>
      <c r="O62" s="387"/>
      <c r="P62" s="387"/>
    </row>
    <row r="63" spans="1:17" ht="42" customHeight="1">
      <c r="A63" s="104"/>
      <c r="B63" s="385" t="s">
        <v>329</v>
      </c>
      <c r="C63" s="386"/>
      <c r="D63" s="386"/>
      <c r="E63" s="386"/>
      <c r="F63" s="386"/>
      <c r="G63" s="386"/>
      <c r="H63" s="386"/>
      <c r="I63" s="385" t="s">
        <v>478</v>
      </c>
      <c r="J63" s="386"/>
      <c r="K63" s="385" t="s">
        <v>482</v>
      </c>
      <c r="L63" s="386"/>
      <c r="M63" s="385" t="s">
        <v>483</v>
      </c>
      <c r="N63" s="386"/>
      <c r="O63" s="385" t="s">
        <v>484</v>
      </c>
      <c r="P63" s="386"/>
    </row>
    <row r="64" spans="1:17" ht="39" customHeight="1">
      <c r="A64" s="32" t="s">
        <v>71</v>
      </c>
      <c r="B64" s="33" t="s">
        <v>72</v>
      </c>
      <c r="C64" s="33" t="s">
        <v>194</v>
      </c>
      <c r="D64" s="84" t="s">
        <v>113</v>
      </c>
      <c r="E64" s="33" t="s">
        <v>195</v>
      </c>
      <c r="F64" s="84" t="s">
        <v>278</v>
      </c>
      <c r="G64" s="33" t="s">
        <v>196</v>
      </c>
      <c r="H64" s="84" t="s">
        <v>279</v>
      </c>
      <c r="I64" s="60" t="s">
        <v>479</v>
      </c>
      <c r="J64" s="83" t="s">
        <v>481</v>
      </c>
      <c r="K64" s="60" t="s">
        <v>485</v>
      </c>
      <c r="L64" s="83" t="s">
        <v>486</v>
      </c>
      <c r="M64" s="60" t="s">
        <v>487</v>
      </c>
      <c r="N64" s="83" t="s">
        <v>488</v>
      </c>
      <c r="O64" s="60" t="s">
        <v>489</v>
      </c>
      <c r="P64" s="83" t="s">
        <v>490</v>
      </c>
    </row>
    <row r="65" spans="1:16" ht="60">
      <c r="A65" s="36"/>
      <c r="B65" s="37" t="s">
        <v>74</v>
      </c>
      <c r="C65" s="123" t="s">
        <v>178</v>
      </c>
      <c r="D65" s="86" t="s">
        <v>88</v>
      </c>
      <c r="E65" s="37" t="s">
        <v>191</v>
      </c>
      <c r="F65" s="86" t="s">
        <v>88</v>
      </c>
      <c r="G65" s="37" t="s">
        <v>192</v>
      </c>
      <c r="H65" s="86" t="s">
        <v>88</v>
      </c>
      <c r="I65" s="254" t="s">
        <v>480</v>
      </c>
      <c r="J65" s="85" t="s">
        <v>88</v>
      </c>
      <c r="K65" s="254" t="s">
        <v>480</v>
      </c>
      <c r="L65" s="85" t="s">
        <v>88</v>
      </c>
      <c r="M65" s="254" t="s">
        <v>480</v>
      </c>
      <c r="N65" s="85" t="s">
        <v>88</v>
      </c>
      <c r="O65" s="254" t="s">
        <v>480</v>
      </c>
      <c r="P65" s="85" t="s">
        <v>88</v>
      </c>
    </row>
    <row r="66" spans="1:16">
      <c r="A66" s="40" t="s">
        <v>349</v>
      </c>
      <c r="B66" s="124">
        <v>13199</v>
      </c>
      <c r="C66" s="118">
        <v>0.55799105640207791</v>
      </c>
      <c r="D66" s="89">
        <v>8.6441963919450977E-3</v>
      </c>
      <c r="E66" s="118">
        <v>0.22309973786757872</v>
      </c>
      <c r="F66" s="89">
        <v>7.2474301034588561E-3</v>
      </c>
      <c r="G66" s="118">
        <v>0.21890920573036099</v>
      </c>
      <c r="H66" s="89">
        <v>7.1984209206485752E-3</v>
      </c>
      <c r="I66" s="118">
        <v>0.32120433631265499</v>
      </c>
      <c r="J66" s="89">
        <v>8.1278036075746619E-3</v>
      </c>
      <c r="K66" s="118">
        <v>0.21223748272553189</v>
      </c>
      <c r="L66" s="89">
        <v>7.1181564636737622E-3</v>
      </c>
      <c r="M66" s="118">
        <v>0.10145863403891138</v>
      </c>
      <c r="N66" s="89">
        <v>5.2581904512326106E-3</v>
      </c>
      <c r="O66" s="118">
        <v>0.16916473945225585</v>
      </c>
      <c r="P66" s="89">
        <v>6.5269230126620489E-3</v>
      </c>
    </row>
    <row r="67" spans="1:16">
      <c r="A67" s="44" t="s">
        <v>350</v>
      </c>
      <c r="B67" s="44">
        <v>9769</v>
      </c>
      <c r="C67" s="121">
        <v>0.54151838350650428</v>
      </c>
      <c r="D67" s="92">
        <v>1.0080564338579633E-2</v>
      </c>
      <c r="E67" s="121">
        <v>0.21875773141156241</v>
      </c>
      <c r="F67" s="92">
        <v>8.3651330531702914E-3</v>
      </c>
      <c r="G67" s="121">
        <v>0.23972388508193027</v>
      </c>
      <c r="H67" s="92">
        <v>8.6382032719531099E-3</v>
      </c>
      <c r="I67" s="121">
        <v>0.36438203000617198</v>
      </c>
      <c r="J67" s="92">
        <v>9.7365862976547066E-3</v>
      </c>
      <c r="K67" s="121">
        <v>0.22675958426593701</v>
      </c>
      <c r="L67" s="92">
        <v>8.4728946069798604E-3</v>
      </c>
      <c r="M67" s="121">
        <v>9.8407585542624215E-2</v>
      </c>
      <c r="N67" s="92">
        <v>6.0305685919661072E-3</v>
      </c>
      <c r="O67" s="121">
        <v>0.17180607948003523</v>
      </c>
      <c r="P67" s="92">
        <v>7.6337128090536496E-3</v>
      </c>
    </row>
    <row r="68" spans="1:16">
      <c r="A68" s="40" t="s">
        <v>351</v>
      </c>
      <c r="B68" s="48">
        <v>3430</v>
      </c>
      <c r="C68" s="118">
        <v>0.57186925443077541</v>
      </c>
      <c r="D68" s="89">
        <v>1.6887956384368057E-2</v>
      </c>
      <c r="E68" s="118">
        <v>0.22675787069279807</v>
      </c>
      <c r="F68" s="89">
        <v>1.4298285518350605E-2</v>
      </c>
      <c r="G68" s="118">
        <v>0.20137287487642549</v>
      </c>
      <c r="H68" s="89">
        <v>1.3695646425436804E-2</v>
      </c>
      <c r="I68" s="118">
        <v>0.28482720509049392</v>
      </c>
      <c r="J68" s="89">
        <v>1.5407811651176322E-2</v>
      </c>
      <c r="K68" s="118">
        <v>0.20000263764309573</v>
      </c>
      <c r="L68" s="89">
        <v>1.3660801632079013E-2</v>
      </c>
      <c r="M68" s="118">
        <v>0.10402913704683589</v>
      </c>
      <c r="N68" s="89">
        <v>1.0440062991898674E-2</v>
      </c>
      <c r="O68" s="118">
        <v>0.16693941511059252</v>
      </c>
      <c r="P68" s="89">
        <v>1.2739444441949587E-2</v>
      </c>
    </row>
    <row r="69" spans="1:16">
      <c r="A69" s="44" t="s">
        <v>533</v>
      </c>
      <c r="B69" s="44">
        <v>3051</v>
      </c>
      <c r="C69" s="121">
        <v>0.59512286042387341</v>
      </c>
      <c r="D69" s="92">
        <v>1.7762769150123901E-2</v>
      </c>
      <c r="E69" s="121">
        <v>0.20980448927405815</v>
      </c>
      <c r="F69" s="92">
        <v>1.4743056169629893E-2</v>
      </c>
      <c r="G69" s="121">
        <v>0.19507265030206436</v>
      </c>
      <c r="H69" s="92">
        <v>1.4349513087821402E-2</v>
      </c>
      <c r="I69" s="121">
        <v>0.28362387938124461</v>
      </c>
      <c r="J69" s="92">
        <v>1.6315381720687604E-2</v>
      </c>
      <c r="K69" s="121">
        <v>0.1865634874403444</v>
      </c>
      <c r="L69" s="92">
        <v>1.4108053789205795E-2</v>
      </c>
      <c r="M69" s="121">
        <v>9.6045984522609998E-2</v>
      </c>
      <c r="N69" s="92">
        <v>1.0688151092240699E-2</v>
      </c>
      <c r="O69" s="121">
        <v>0.15607683519128787</v>
      </c>
      <c r="P69" s="92">
        <v>1.3147851013803587E-2</v>
      </c>
    </row>
    <row r="70" spans="1:16">
      <c r="A70" s="40" t="s">
        <v>534</v>
      </c>
      <c r="B70" s="48">
        <v>2422</v>
      </c>
      <c r="C70" s="118">
        <v>0.63082917076194844</v>
      </c>
      <c r="D70" s="89">
        <v>1.9597774169192578E-2</v>
      </c>
      <c r="E70" s="118">
        <v>0.1813681089242225</v>
      </c>
      <c r="F70" s="89">
        <v>1.5663834348443335E-2</v>
      </c>
      <c r="G70" s="118">
        <v>0.18780272031382964</v>
      </c>
      <c r="H70" s="89">
        <v>1.5875338874789674E-2</v>
      </c>
      <c r="I70" s="118">
        <v>0.3126163738240299</v>
      </c>
      <c r="J70" s="89">
        <v>1.8828118668392402E-2</v>
      </c>
      <c r="K70" s="118">
        <v>0.17711632249865297</v>
      </c>
      <c r="L70" s="89">
        <v>1.5520092336227354E-2</v>
      </c>
      <c r="M70" s="118">
        <v>7.0682082429691984E-2</v>
      </c>
      <c r="N70" s="89">
        <v>1.0454898205473776E-2</v>
      </c>
      <c r="O70" s="118">
        <v>0.12095955578391993</v>
      </c>
      <c r="P70" s="89">
        <v>1.3270085745395595E-2</v>
      </c>
    </row>
    <row r="71" spans="1:16">
      <c r="A71" s="44" t="s">
        <v>535</v>
      </c>
      <c r="B71" s="44">
        <v>471</v>
      </c>
      <c r="C71" s="121">
        <v>0.67651084794636129</v>
      </c>
      <c r="D71" s="92">
        <v>4.2980185899588748E-2</v>
      </c>
      <c r="E71" s="121">
        <v>0.15767539357324967</v>
      </c>
      <c r="F71" s="92">
        <v>3.3689506712153844E-2</v>
      </c>
      <c r="G71" s="121">
        <v>0.16581375848039057</v>
      </c>
      <c r="H71" s="92">
        <v>3.4359409351187954E-2</v>
      </c>
      <c r="I71" s="121">
        <v>0.26188131994622482</v>
      </c>
      <c r="J71" s="92">
        <v>4.0444938969528381E-2</v>
      </c>
      <c r="K71" s="121">
        <v>0.16441668878394794</v>
      </c>
      <c r="L71" s="92">
        <v>3.4246480984879916E-2</v>
      </c>
      <c r="M71" s="121">
        <v>6.2712557908589067E-2</v>
      </c>
      <c r="N71" s="92">
        <v>2.2847169177556862E-2</v>
      </c>
      <c r="O71" s="121">
        <v>0.10347458325181456</v>
      </c>
      <c r="P71" s="92">
        <v>2.8344433202056755E-2</v>
      </c>
    </row>
    <row r="72" spans="1:16">
      <c r="A72" s="40" t="s">
        <v>536</v>
      </c>
      <c r="B72" s="48">
        <v>84</v>
      </c>
      <c r="C72" s="118">
        <v>0.7352824270273064</v>
      </c>
      <c r="D72" s="89">
        <v>9.5241399755725584E-2</v>
      </c>
      <c r="E72" s="118">
        <v>0.14596684584205474</v>
      </c>
      <c r="F72" s="89">
        <v>7.8565565427158077E-2</v>
      </c>
      <c r="G72" s="118">
        <v>0.11875072713063922</v>
      </c>
      <c r="H72" s="89">
        <v>7.3100928965064149E-2</v>
      </c>
      <c r="I72" s="118">
        <v>0.23304137683268383</v>
      </c>
      <c r="J72" s="89">
        <v>9.171711883492796E-2</v>
      </c>
      <c r="K72" s="118">
        <v>0.11875072713063922</v>
      </c>
      <c r="L72" s="89">
        <v>7.3100928965064149E-2</v>
      </c>
      <c r="M72" s="118">
        <v>5.809509676145648E-2</v>
      </c>
      <c r="N72" s="89">
        <v>5.7235283012320469E-2</v>
      </c>
      <c r="O72" s="118">
        <v>5.2206285322087431E-2</v>
      </c>
      <c r="P72" s="89">
        <v>5.5307205012236529E-2</v>
      </c>
    </row>
    <row r="73" spans="1:16">
      <c r="A73" s="44" t="s">
        <v>537</v>
      </c>
      <c r="B73" s="44">
        <v>133</v>
      </c>
      <c r="C73" s="121">
        <v>0.69307725981437596</v>
      </c>
      <c r="D73" s="92">
        <v>7.9205223333291414E-2</v>
      </c>
      <c r="E73" s="121">
        <v>0.10621750304127897</v>
      </c>
      <c r="F73" s="92">
        <v>5.5066788263368249E-2</v>
      </c>
      <c r="G73" s="121">
        <v>0.20070523714434471</v>
      </c>
      <c r="H73" s="92">
        <v>6.9529614007083684E-2</v>
      </c>
      <c r="I73" s="121">
        <v>0.25614437060784795</v>
      </c>
      <c r="J73" s="92">
        <v>7.5252602614176822E-2</v>
      </c>
      <c r="K73" s="121">
        <v>0.22646440529374698</v>
      </c>
      <c r="L73" s="92">
        <v>7.2390596400623952E-2</v>
      </c>
      <c r="M73" s="121">
        <v>4.6481190639616754E-2</v>
      </c>
      <c r="N73" s="92">
        <v>4.0491803225948565E-2</v>
      </c>
      <c r="O73" s="121">
        <v>0.13674448990086779</v>
      </c>
      <c r="P73" s="92">
        <v>6.0566262978950035E-2</v>
      </c>
    </row>
    <row r="74" spans="1:16">
      <c r="A74" s="40" t="s">
        <v>538</v>
      </c>
      <c r="B74" s="48">
        <v>105</v>
      </c>
      <c r="C74" s="118">
        <v>0.65331702846448325</v>
      </c>
      <c r="D74" s="89">
        <v>9.1508750783651172E-2</v>
      </c>
      <c r="E74" s="118">
        <v>0.16032944361663889</v>
      </c>
      <c r="F74" s="89">
        <v>7.2424970911589698E-2</v>
      </c>
      <c r="G74" s="118">
        <v>0.18635352791887722</v>
      </c>
      <c r="H74" s="89">
        <v>7.6317427265147564E-2</v>
      </c>
      <c r="I74" s="118">
        <v>0.26810939154761609</v>
      </c>
      <c r="J74" s="89">
        <v>8.5692214494633975E-2</v>
      </c>
      <c r="K74" s="118">
        <v>0.19420755862507991</v>
      </c>
      <c r="L74" s="89">
        <v>7.7395233113458625E-2</v>
      </c>
      <c r="M74" s="118">
        <v>0.10141067690895693</v>
      </c>
      <c r="N74" s="89">
        <v>6.1352653394028928E-2</v>
      </c>
      <c r="O74" s="118">
        <v>8.4941239065555382E-2</v>
      </c>
      <c r="P74" s="89">
        <v>5.7513675354697827E-2</v>
      </c>
    </row>
    <row r="75" spans="1:16">
      <c r="A75" s="44" t="s">
        <v>539</v>
      </c>
      <c r="B75" s="44">
        <v>149</v>
      </c>
      <c r="C75" s="121">
        <v>0.65482621829767784</v>
      </c>
      <c r="D75" s="92">
        <v>7.7081715704429898E-2</v>
      </c>
      <c r="E75" s="121">
        <v>0.19214347888921635</v>
      </c>
      <c r="F75" s="92">
        <v>6.4699440323143703E-2</v>
      </c>
      <c r="G75" s="121">
        <v>0.1530303028131057</v>
      </c>
      <c r="H75" s="92">
        <v>5.9590002271055841E-2</v>
      </c>
      <c r="I75" s="121">
        <v>0.27366737456082085</v>
      </c>
      <c r="J75" s="92">
        <v>7.2565865877602151E-2</v>
      </c>
      <c r="K75" s="121">
        <v>0.12998024329672453</v>
      </c>
      <c r="L75" s="92">
        <v>5.6046370438621609E-2</v>
      </c>
      <c r="M75" s="121">
        <v>5.4896557302829586E-2</v>
      </c>
      <c r="N75" s="92">
        <v>4.0295177363977301E-2</v>
      </c>
      <c r="O75" s="121">
        <v>0.11300726989431879</v>
      </c>
      <c r="P75" s="92">
        <v>5.3128289306839376E-2</v>
      </c>
    </row>
    <row r="76" spans="1:16">
      <c r="A76" s="40" t="s">
        <v>540</v>
      </c>
      <c r="B76" s="124">
        <v>334</v>
      </c>
      <c r="C76" s="118">
        <v>0.64482935739524605</v>
      </c>
      <c r="D76" s="89">
        <v>5.2117071461643696E-2</v>
      </c>
      <c r="E76" s="118">
        <v>0.18512424004633796</v>
      </c>
      <c r="F76" s="89">
        <v>4.2577605954233724E-2</v>
      </c>
      <c r="G76" s="118">
        <v>0.17004640255841777</v>
      </c>
      <c r="H76" s="89">
        <v>4.1237107181193854E-2</v>
      </c>
      <c r="I76" s="118">
        <v>0.28748593027743696</v>
      </c>
      <c r="J76" s="89">
        <v>4.9362848505869271E-2</v>
      </c>
      <c r="K76" s="118">
        <v>0.17300468657934634</v>
      </c>
      <c r="L76" s="89">
        <v>4.1508519303080867E-2</v>
      </c>
      <c r="M76" s="118">
        <v>8.1465567413073925E-2</v>
      </c>
      <c r="N76" s="89">
        <v>3.0566729155683373E-2</v>
      </c>
      <c r="O76" s="118">
        <v>0.13092485766834056</v>
      </c>
      <c r="P76" s="89">
        <v>3.7208594840643629E-2</v>
      </c>
    </row>
    <row r="77" spans="1:16">
      <c r="A77" s="44" t="s">
        <v>541</v>
      </c>
      <c r="B77" s="126">
        <v>111</v>
      </c>
      <c r="C77" s="121">
        <v>0.73739019195872968</v>
      </c>
      <c r="D77" s="92">
        <v>8.2882421344349672E-2</v>
      </c>
      <c r="E77" s="121">
        <v>0.13655977063028354</v>
      </c>
      <c r="F77" s="92">
        <v>6.6447803852710305E-2</v>
      </c>
      <c r="G77" s="121">
        <v>0.12605003741098733</v>
      </c>
      <c r="H77" s="92">
        <v>6.4530449956122587E-2</v>
      </c>
      <c r="I77" s="121">
        <v>0.22167280292529423</v>
      </c>
      <c r="J77" s="92">
        <v>7.8647079997882466E-2</v>
      </c>
      <c r="K77" s="121">
        <v>0.11782499268730889</v>
      </c>
      <c r="L77" s="92">
        <v>6.2949557983130996E-2</v>
      </c>
      <c r="M77" s="121">
        <v>7.5751131862086873E-2</v>
      </c>
      <c r="N77" s="92">
        <v>5.3508548199041953E-2</v>
      </c>
      <c r="O77" s="121">
        <v>9.3041629416321797E-2</v>
      </c>
      <c r="P77" s="92">
        <v>5.7696528417605815E-2</v>
      </c>
    </row>
    <row r="78" spans="1:16">
      <c r="A78" s="40" t="s">
        <v>542</v>
      </c>
      <c r="B78" s="78">
        <v>95</v>
      </c>
      <c r="C78" s="93">
        <v>0.62710182103869794</v>
      </c>
      <c r="D78" s="89">
        <v>9.746777737473547E-2</v>
      </c>
      <c r="E78" s="93">
        <v>0.22035352250805254</v>
      </c>
      <c r="F78" s="89">
        <v>8.4802694239215409E-2</v>
      </c>
      <c r="G78" s="93">
        <v>0.15254465645325069</v>
      </c>
      <c r="H78" s="89">
        <v>7.489609636327571E-2</v>
      </c>
      <c r="I78" s="93">
        <v>0.29253215834714791</v>
      </c>
      <c r="J78" s="89">
        <v>9.2193262597060441E-2</v>
      </c>
      <c r="K78" s="93">
        <v>0.16141939290335952</v>
      </c>
      <c r="L78" s="89">
        <v>7.6393349820917056E-2</v>
      </c>
      <c r="M78" s="93">
        <v>3.8315118841060182E-2</v>
      </c>
      <c r="N78" s="89">
        <v>4.6590231942918461E-2</v>
      </c>
      <c r="O78" s="93">
        <v>0.10620077937420293</v>
      </c>
      <c r="P78" s="89">
        <v>6.5812882251328295E-2</v>
      </c>
    </row>
    <row r="79" spans="1:16">
      <c r="A79" s="44" t="s">
        <v>543</v>
      </c>
      <c r="B79" s="126">
        <v>75</v>
      </c>
      <c r="C79" s="121">
        <v>0.62028866898258628</v>
      </c>
      <c r="D79" s="92">
        <v>0.10953498791701465</v>
      </c>
      <c r="E79" s="121">
        <v>0.18012462429789033</v>
      </c>
      <c r="F79" s="92">
        <v>8.9380135797901925E-2</v>
      </c>
      <c r="G79" s="121">
        <v>0.19958670671952369</v>
      </c>
      <c r="H79" s="92">
        <v>9.2410623980319351E-2</v>
      </c>
      <c r="I79" s="121">
        <v>0.32961954224236828</v>
      </c>
      <c r="J79" s="92">
        <v>0.10645870969148633</v>
      </c>
      <c r="K79" s="121">
        <v>0.21301696941720419</v>
      </c>
      <c r="L79" s="92">
        <v>9.433840905832723E-2</v>
      </c>
      <c r="M79" s="121">
        <v>0.15696255633249698</v>
      </c>
      <c r="N79" s="92">
        <v>8.5370393200874792E-2</v>
      </c>
      <c r="O79" s="121">
        <v>0.19043885463884139</v>
      </c>
      <c r="P79" s="92">
        <v>9.1022416278478777E-2</v>
      </c>
    </row>
    <row r="80" spans="1:16">
      <c r="A80" s="52" t="s">
        <v>544</v>
      </c>
      <c r="B80" s="124">
        <v>53</v>
      </c>
      <c r="C80" s="118">
        <v>0.49350719225004491</v>
      </c>
      <c r="D80" s="89">
        <v>0.13244358018994631</v>
      </c>
      <c r="E80" s="118">
        <v>0.2289303131097481</v>
      </c>
      <c r="F80" s="89">
        <v>0.11439303818684217</v>
      </c>
      <c r="G80" s="118">
        <v>0.2775624946402076</v>
      </c>
      <c r="H80" s="89">
        <v>0.12058984800306978</v>
      </c>
      <c r="I80" s="118">
        <v>0.36459682179023595</v>
      </c>
      <c r="J80" s="89">
        <v>0.12818541604630726</v>
      </c>
      <c r="K80" s="118">
        <v>0.27241221783068187</v>
      </c>
      <c r="L80" s="89">
        <v>0.12000537068693458</v>
      </c>
      <c r="M80" s="118">
        <v>6.0315712188593669E-2</v>
      </c>
      <c r="N80" s="89">
        <v>7.6253797966726738E-2</v>
      </c>
      <c r="O80" s="118">
        <v>0.17921765735285958</v>
      </c>
      <c r="P80" s="89">
        <v>0.10630450501759028</v>
      </c>
    </row>
    <row r="81" spans="1:16">
      <c r="A81" s="44" t="s">
        <v>545</v>
      </c>
      <c r="B81" s="126">
        <v>611</v>
      </c>
      <c r="C81" s="121">
        <v>0.60880662804237839</v>
      </c>
      <c r="D81" s="92">
        <v>3.9370214369360522E-2</v>
      </c>
      <c r="E81" s="121">
        <v>0.21308930908014873</v>
      </c>
      <c r="F81" s="92">
        <v>3.3129415916263602E-2</v>
      </c>
      <c r="G81" s="121">
        <v>0.17810406287747818</v>
      </c>
      <c r="H81" s="92">
        <v>3.099713972742706E-2</v>
      </c>
      <c r="I81" s="121">
        <v>0.34357620422316759</v>
      </c>
      <c r="J81" s="92">
        <v>3.8326695717607565E-2</v>
      </c>
      <c r="K81" s="121">
        <v>0.15985152322878507</v>
      </c>
      <c r="L81" s="92">
        <v>2.9719465876984156E-2</v>
      </c>
      <c r="M81" s="121">
        <v>6.1973154281313655E-2</v>
      </c>
      <c r="N81" s="92">
        <v>1.9856428339873246E-2</v>
      </c>
      <c r="O81" s="121">
        <v>0.12402762059731151</v>
      </c>
      <c r="P81" s="92">
        <v>2.680584300046452E-2</v>
      </c>
    </row>
    <row r="82" spans="1:16">
      <c r="A82" s="52" t="s">
        <v>546</v>
      </c>
      <c r="B82" s="124">
        <v>65</v>
      </c>
      <c r="C82" s="118">
        <v>0.56268024194642929</v>
      </c>
      <c r="D82" s="89">
        <v>0.11954345482894882</v>
      </c>
      <c r="E82" s="118">
        <v>0.19627938951219634</v>
      </c>
      <c r="F82" s="89">
        <v>9.8727849400684187E-2</v>
      </c>
      <c r="G82" s="118">
        <v>0.24104036854137431</v>
      </c>
      <c r="H82" s="89">
        <v>0.10508509389277193</v>
      </c>
      <c r="I82" s="118">
        <v>0.37831290986957533</v>
      </c>
      <c r="J82" s="89">
        <v>0.11717924556411252</v>
      </c>
      <c r="K82" s="118">
        <v>0.24629268148440328</v>
      </c>
      <c r="L82" s="89">
        <v>0.10574214420806723</v>
      </c>
      <c r="M82" s="118">
        <v>8.7207883503952338E-2</v>
      </c>
      <c r="N82" s="89">
        <v>7.5675216421942665E-2</v>
      </c>
      <c r="O82" s="118">
        <v>9.463059428423945E-2</v>
      </c>
      <c r="P82" s="89">
        <v>7.7712032266605946E-2</v>
      </c>
    </row>
    <row r="83" spans="1:16">
      <c r="A83" s="44" t="s">
        <v>547</v>
      </c>
      <c r="B83" s="126">
        <v>141</v>
      </c>
      <c r="C83" s="121">
        <v>0.67902822351102865</v>
      </c>
      <c r="D83" s="92">
        <v>7.7849162935039629E-2</v>
      </c>
      <c r="E83" s="121">
        <v>0.13650946839415315</v>
      </c>
      <c r="F83" s="92">
        <v>5.87369968783353E-2</v>
      </c>
      <c r="G83" s="121">
        <v>0.18446230809481834</v>
      </c>
      <c r="H83" s="92">
        <v>6.556983852741495E-2</v>
      </c>
      <c r="I83" s="121">
        <v>0.30068538287273588</v>
      </c>
      <c r="J83" s="92">
        <v>7.6552483416133313E-2</v>
      </c>
      <c r="K83" s="121">
        <v>0.17899938634555138</v>
      </c>
      <c r="L83" s="92">
        <v>6.4874464256571188E-2</v>
      </c>
      <c r="M83" s="121">
        <v>5.0093559813864381E-2</v>
      </c>
      <c r="N83" s="92">
        <v>4.0205652524041027E-2</v>
      </c>
      <c r="O83" s="121">
        <v>0.13974963176822514</v>
      </c>
      <c r="P83" s="92">
        <v>5.9255426863222507E-2</v>
      </c>
    </row>
    <row r="84" spans="1:16">
      <c r="A84" s="52" t="s">
        <v>548</v>
      </c>
      <c r="B84" s="124">
        <v>157</v>
      </c>
      <c r="C84" s="118">
        <v>0.64703610371281639</v>
      </c>
      <c r="D84" s="89">
        <v>7.5501027248379524E-2</v>
      </c>
      <c r="E84" s="118">
        <v>0.20639559521017264</v>
      </c>
      <c r="F84" s="89">
        <v>6.4610952192176052E-2</v>
      </c>
      <c r="G84" s="118">
        <v>0.14656830107701074</v>
      </c>
      <c r="H84" s="89">
        <v>5.7096591345738468E-2</v>
      </c>
      <c r="I84" s="118">
        <v>0.29511201039024804</v>
      </c>
      <c r="J84" s="89">
        <v>7.2245426621577319E-2</v>
      </c>
      <c r="K84" s="118">
        <v>0.11688225480332969</v>
      </c>
      <c r="L84" s="89">
        <v>5.2377883790378221E-2</v>
      </c>
      <c r="M84" s="118">
        <v>4.0485361150461599E-2</v>
      </c>
      <c r="N84" s="89">
        <v>3.4965135927881488E-2</v>
      </c>
      <c r="O84" s="118">
        <v>0.11077390736043771</v>
      </c>
      <c r="P84" s="89">
        <v>5.1302860234509175E-2</v>
      </c>
    </row>
    <row r="85" spans="1:16">
      <c r="A85" s="44" t="s">
        <v>549</v>
      </c>
      <c r="B85" s="126">
        <v>67</v>
      </c>
      <c r="C85" s="121">
        <v>0.49854870668943846</v>
      </c>
      <c r="D85" s="92">
        <v>0.11867772062986684</v>
      </c>
      <c r="E85" s="121">
        <v>0.26384880183380438</v>
      </c>
      <c r="F85" s="92">
        <v>0.1062389697453892</v>
      </c>
      <c r="G85" s="121">
        <v>0.23760249147675641</v>
      </c>
      <c r="H85" s="92">
        <v>0.10310313023251066</v>
      </c>
      <c r="I85" s="121">
        <v>0.46674231343283007</v>
      </c>
      <c r="J85" s="92">
        <v>0.11844414947232365</v>
      </c>
      <c r="K85" s="121">
        <v>0.18806842970993354</v>
      </c>
      <c r="L85" s="92">
        <v>9.5932309167656452E-2</v>
      </c>
      <c r="M85" s="121">
        <v>0.11970889659973595</v>
      </c>
      <c r="N85" s="92">
        <v>8.2637853350558649E-2</v>
      </c>
      <c r="O85" s="121">
        <v>0.15378208317779676</v>
      </c>
      <c r="P85" s="92">
        <v>8.9838297104734635E-2</v>
      </c>
    </row>
    <row r="86" spans="1:16">
      <c r="A86" s="52" t="s">
        <v>550</v>
      </c>
      <c r="B86" s="124">
        <v>113</v>
      </c>
      <c r="C86" s="118">
        <v>0.57125314687161077</v>
      </c>
      <c r="D86" s="89">
        <v>9.1570196507723869E-2</v>
      </c>
      <c r="E86" s="118">
        <v>0.27842932260953801</v>
      </c>
      <c r="F86" s="89">
        <v>8.3554757778086061E-2</v>
      </c>
      <c r="G86" s="118">
        <v>0.15031753051885016</v>
      </c>
      <c r="H86" s="89">
        <v>6.8172763638691833E-2</v>
      </c>
      <c r="I86" s="118">
        <v>0.35887788152448336</v>
      </c>
      <c r="J86" s="89">
        <v>8.8948849296984461E-2</v>
      </c>
      <c r="K86" s="89">
        <v>0.16880265934406874</v>
      </c>
      <c r="L86" s="89">
        <v>7.1055629401450715E-2</v>
      </c>
      <c r="M86" s="89">
        <v>5.3692715144814461E-2</v>
      </c>
      <c r="N86" s="89">
        <v>4.6848302888250259E-2</v>
      </c>
      <c r="O86" s="89">
        <v>0.12318712816201324</v>
      </c>
      <c r="P86" s="89">
        <v>6.3395294428667107E-2</v>
      </c>
    </row>
    <row r="87" spans="1:16">
      <c r="A87" s="44" t="s">
        <v>551</v>
      </c>
      <c r="B87" s="126">
        <v>68</v>
      </c>
      <c r="C87" s="121">
        <v>0.59442200172013504</v>
      </c>
      <c r="D87" s="92">
        <v>0.11596157919363625</v>
      </c>
      <c r="E87" s="121">
        <v>0.18752270714505129</v>
      </c>
      <c r="F87" s="92">
        <v>9.5133150749785067E-2</v>
      </c>
      <c r="G87" s="121">
        <v>0.21805529113481323</v>
      </c>
      <c r="H87" s="92">
        <v>9.974811843537032E-2</v>
      </c>
      <c r="I87" s="121">
        <v>0.38641787750060064</v>
      </c>
      <c r="J87" s="92">
        <v>0.11510688680835232</v>
      </c>
      <c r="K87" s="92">
        <v>0.1432303791422494</v>
      </c>
      <c r="L87" s="92">
        <v>8.7071271316903079E-2</v>
      </c>
      <c r="M87" s="92">
        <v>9.1748066452811333E-2</v>
      </c>
      <c r="N87" s="92">
        <v>7.5031399097395535E-2</v>
      </c>
      <c r="O87" s="92">
        <v>0.13613544759891155</v>
      </c>
      <c r="P87" s="92">
        <v>8.5603990407776942E-2</v>
      </c>
    </row>
    <row r="90" spans="1:16" ht="18.75">
      <c r="A90" s="336" t="s">
        <v>10</v>
      </c>
      <c r="B90" s="336"/>
      <c r="C90" s="336"/>
      <c r="D90" s="336"/>
    </row>
    <row r="91" spans="1:16" ht="110.25" customHeight="1">
      <c r="A91" s="384" t="s">
        <v>608</v>
      </c>
      <c r="B91" s="384"/>
      <c r="C91" s="384"/>
      <c r="D91" s="384"/>
    </row>
    <row r="92" spans="1:16" ht="37.5" customHeight="1">
      <c r="A92" s="374" t="s">
        <v>114</v>
      </c>
      <c r="B92" s="374"/>
      <c r="C92" s="374"/>
      <c r="D92" s="374"/>
    </row>
    <row r="93" spans="1:16" ht="36" customHeight="1">
      <c r="A93" s="32" t="s">
        <v>71</v>
      </c>
      <c r="B93" s="33" t="s">
        <v>72</v>
      </c>
      <c r="C93" s="34" t="s">
        <v>589</v>
      </c>
      <c r="D93" s="35" t="s">
        <v>73</v>
      </c>
    </row>
    <row r="94" spans="1:16" ht="60">
      <c r="A94" s="36"/>
      <c r="B94" s="37" t="s">
        <v>74</v>
      </c>
      <c r="C94" s="38" t="s">
        <v>115</v>
      </c>
      <c r="D94" s="39" t="s">
        <v>76</v>
      </c>
    </row>
    <row r="95" spans="1:16">
      <c r="A95" s="40" t="s">
        <v>349</v>
      </c>
      <c r="B95" s="128">
        <v>13131</v>
      </c>
      <c r="C95" s="129">
        <v>3.8724198307450646</v>
      </c>
      <c r="D95" s="130">
        <v>2.1149521632353018E-2</v>
      </c>
    </row>
    <row r="96" spans="1:16">
      <c r="A96" s="44" t="s">
        <v>350</v>
      </c>
      <c r="B96" s="44">
        <v>9681</v>
      </c>
      <c r="C96" s="132">
        <v>3.647158658447113</v>
      </c>
      <c r="D96" s="133">
        <v>2.4227169989763712E-2</v>
      </c>
    </row>
    <row r="97" spans="1:4">
      <c r="A97" s="40" t="s">
        <v>351</v>
      </c>
      <c r="B97" s="48">
        <v>3450</v>
      </c>
      <c r="C97" s="129">
        <v>4.057011686604965</v>
      </c>
      <c r="D97" s="130">
        <v>4.1926708767909347E-2</v>
      </c>
    </row>
    <row r="98" spans="1:4">
      <c r="A98" s="44" t="s">
        <v>533</v>
      </c>
      <c r="B98" s="44">
        <v>3013</v>
      </c>
      <c r="C98" s="132">
        <v>3.9504918435433853</v>
      </c>
      <c r="D98" s="133">
        <v>4.2190318902346306E-2</v>
      </c>
    </row>
    <row r="99" spans="1:4">
      <c r="A99" s="40" t="s">
        <v>534</v>
      </c>
      <c r="B99" s="48">
        <v>2376</v>
      </c>
      <c r="C99" s="129">
        <v>3.7429754663842258</v>
      </c>
      <c r="D99" s="130">
        <v>4.6289243432072767E-2</v>
      </c>
    </row>
    <row r="100" spans="1:4">
      <c r="A100" s="44" t="s">
        <v>535</v>
      </c>
      <c r="B100" s="44">
        <v>464</v>
      </c>
      <c r="C100" s="132">
        <v>3.929515517138261</v>
      </c>
      <c r="D100" s="133">
        <v>0.10282294811490732</v>
      </c>
    </row>
    <row r="101" spans="1:4">
      <c r="A101" s="40" t="s">
        <v>536</v>
      </c>
      <c r="B101" s="48">
        <v>84</v>
      </c>
      <c r="C101" s="129">
        <v>3.8763412628190412</v>
      </c>
      <c r="D101" s="130">
        <v>0.25800799820583542</v>
      </c>
    </row>
    <row r="102" spans="1:4">
      <c r="A102" s="44" t="s">
        <v>537</v>
      </c>
      <c r="B102" s="44">
        <v>135</v>
      </c>
      <c r="C102" s="132">
        <v>3.9094021654787712</v>
      </c>
      <c r="D102" s="133">
        <v>0.17997176479507068</v>
      </c>
    </row>
    <row r="103" spans="1:4">
      <c r="A103" s="40" t="s">
        <v>538</v>
      </c>
      <c r="B103" s="48">
        <v>105</v>
      </c>
      <c r="C103" s="129">
        <v>3.8794610174895343</v>
      </c>
      <c r="D103" s="130">
        <v>0.20970641079243468</v>
      </c>
    </row>
    <row r="104" spans="1:4">
      <c r="A104" s="44" t="s">
        <v>539</v>
      </c>
      <c r="B104" s="44">
        <v>140</v>
      </c>
      <c r="C104" s="132">
        <v>3.9903097123722984</v>
      </c>
      <c r="D104" s="133">
        <v>0.19496697695332446</v>
      </c>
    </row>
    <row r="105" spans="1:4">
      <c r="A105" s="40" t="s">
        <v>540</v>
      </c>
      <c r="B105" s="128">
        <v>318</v>
      </c>
      <c r="C105" s="129">
        <v>3.7544610445831519</v>
      </c>
      <c r="D105" s="130">
        <v>0.13155035772903637</v>
      </c>
    </row>
    <row r="106" spans="1:4">
      <c r="A106" s="44" t="s">
        <v>541</v>
      </c>
      <c r="B106" s="131">
        <v>105</v>
      </c>
      <c r="C106" s="132">
        <v>3.6016706472474631</v>
      </c>
      <c r="D106" s="133">
        <v>0.2308004836387117</v>
      </c>
    </row>
    <row r="107" spans="1:4">
      <c r="A107" s="40" t="s">
        <v>542</v>
      </c>
      <c r="B107" s="78">
        <v>88</v>
      </c>
      <c r="C107" s="79">
        <v>4.1023307548529218</v>
      </c>
      <c r="D107" s="130">
        <v>0.23592186359824349</v>
      </c>
    </row>
    <row r="108" spans="1:4">
      <c r="A108" s="44" t="s">
        <v>543</v>
      </c>
      <c r="B108" s="131">
        <v>72</v>
      </c>
      <c r="C108" s="132">
        <v>3.4859287405104329</v>
      </c>
      <c r="D108" s="133">
        <v>0.28334810446288616</v>
      </c>
    </row>
    <row r="109" spans="1:4">
      <c r="A109" s="52" t="s">
        <v>544</v>
      </c>
      <c r="B109" s="128">
        <v>53</v>
      </c>
      <c r="C109" s="129">
        <v>3.7667887888915019</v>
      </c>
      <c r="D109" s="130">
        <v>0.31318357955871123</v>
      </c>
    </row>
    <row r="110" spans="1:4">
      <c r="A110" s="44" t="s">
        <v>545</v>
      </c>
      <c r="B110" s="131">
        <v>607</v>
      </c>
      <c r="C110" s="132">
        <v>3.719240345496531</v>
      </c>
      <c r="D110" s="133">
        <v>8.6730186953993066E-2</v>
      </c>
    </row>
    <row r="111" spans="1:4">
      <c r="A111" s="52" t="s">
        <v>546</v>
      </c>
      <c r="B111" s="128">
        <v>59</v>
      </c>
      <c r="C111" s="129">
        <v>3.6145313419550775</v>
      </c>
      <c r="D111" s="130">
        <v>0.2941506311854622</v>
      </c>
    </row>
    <row r="112" spans="1:4">
      <c r="A112" s="44" t="s">
        <v>547</v>
      </c>
      <c r="B112" s="131">
        <v>142</v>
      </c>
      <c r="C112" s="132">
        <v>3.6722304502015759</v>
      </c>
      <c r="D112" s="133">
        <v>0.17833469302768903</v>
      </c>
    </row>
    <row r="113" spans="1:37">
      <c r="A113" s="52" t="s">
        <v>548</v>
      </c>
      <c r="B113" s="128">
        <v>155</v>
      </c>
      <c r="C113" s="129">
        <v>3.6442874381431536</v>
      </c>
      <c r="D113" s="130">
        <v>0.17184632990298543</v>
      </c>
    </row>
    <row r="114" spans="1:37">
      <c r="A114" s="44" t="s">
        <v>549</v>
      </c>
      <c r="B114" s="131">
        <v>71</v>
      </c>
      <c r="C114" s="132">
        <v>3.2685408070285562</v>
      </c>
      <c r="D114" s="133">
        <v>0.22501971769079263</v>
      </c>
    </row>
    <row r="115" spans="1:37">
      <c r="A115" s="52" t="s">
        <v>550</v>
      </c>
      <c r="B115" s="128">
        <v>112</v>
      </c>
      <c r="C115" s="129">
        <v>3.9894008707746673</v>
      </c>
      <c r="D115" s="130">
        <v>0.2129053279715627</v>
      </c>
    </row>
    <row r="116" spans="1:37">
      <c r="A116" s="44" t="s">
        <v>551</v>
      </c>
      <c r="B116" s="131">
        <v>68</v>
      </c>
      <c r="C116" s="132">
        <v>3.7514955768132801</v>
      </c>
      <c r="D116" s="133">
        <v>0.23348197001513701</v>
      </c>
      <c r="P116" s="238"/>
      <c r="Q116" s="238"/>
      <c r="R116" s="238"/>
      <c r="S116" s="238"/>
      <c r="T116" s="238"/>
      <c r="U116" s="238"/>
      <c r="V116" s="238"/>
      <c r="W116" s="238"/>
      <c r="X116" s="238"/>
      <c r="Y116" s="238"/>
      <c r="Z116" s="238"/>
      <c r="AA116" s="238"/>
      <c r="AB116" s="238"/>
      <c r="AC116" s="238"/>
      <c r="AD116" s="238"/>
    </row>
    <row r="117" spans="1:37">
      <c r="P117" s="238"/>
      <c r="Q117" s="238"/>
      <c r="R117" s="238"/>
      <c r="S117" s="238"/>
      <c r="T117" s="238"/>
      <c r="U117" s="238"/>
      <c r="V117" s="238"/>
      <c r="W117" s="238"/>
      <c r="X117" s="238"/>
      <c r="Y117" s="238"/>
      <c r="Z117" s="238"/>
      <c r="AA117" s="238"/>
      <c r="AB117" s="238"/>
      <c r="AC117" s="238"/>
      <c r="AD117" s="238"/>
    </row>
    <row r="118" spans="1:37">
      <c r="P118" s="238"/>
      <c r="Q118" s="238"/>
      <c r="R118" s="238"/>
      <c r="S118" s="238"/>
      <c r="T118" s="238"/>
      <c r="U118" s="238"/>
      <c r="V118" s="238"/>
      <c r="W118" s="238"/>
      <c r="X118" s="238"/>
      <c r="Y118" s="238"/>
      <c r="Z118" s="238"/>
      <c r="AA118" s="238"/>
      <c r="AB118" s="238"/>
      <c r="AC118" s="238"/>
      <c r="AD118" s="238"/>
    </row>
    <row r="119" spans="1:37" ht="18.75">
      <c r="A119" s="336" t="s">
        <v>36</v>
      </c>
      <c r="B119" s="336"/>
      <c r="C119" s="336"/>
      <c r="D119" s="336"/>
      <c r="E119" s="336"/>
      <c r="F119" s="336"/>
      <c r="G119" s="336"/>
      <c r="H119" s="336"/>
      <c r="I119" s="336"/>
      <c r="J119" s="336"/>
      <c r="K119" s="336"/>
      <c r="L119" s="336"/>
      <c r="M119" s="336"/>
      <c r="N119" s="336"/>
      <c r="O119" s="336"/>
      <c r="P119" s="336"/>
      <c r="Q119" s="336"/>
      <c r="R119" s="336"/>
      <c r="S119" s="336"/>
      <c r="T119" s="336"/>
      <c r="U119" s="336"/>
      <c r="V119" s="336"/>
      <c r="W119" s="336"/>
      <c r="X119" s="336"/>
      <c r="Y119" s="336"/>
      <c r="Z119" s="336"/>
      <c r="AA119" s="336"/>
      <c r="AB119" s="336"/>
      <c r="AC119" s="336"/>
      <c r="AD119" s="336"/>
      <c r="AE119" s="336"/>
      <c r="AF119" s="336"/>
      <c r="AG119" s="336"/>
      <c r="AH119" s="336"/>
      <c r="AI119" s="336"/>
      <c r="AJ119" s="336"/>
      <c r="AK119" s="336"/>
    </row>
    <row r="120" spans="1:37" ht="72" customHeight="1">
      <c r="A120" s="355" t="s">
        <v>587</v>
      </c>
      <c r="B120" s="355"/>
      <c r="C120" s="355"/>
      <c r="D120" s="355"/>
      <c r="E120" s="355"/>
      <c r="F120" s="355"/>
      <c r="G120" s="355"/>
      <c r="H120" s="355"/>
      <c r="I120" s="355"/>
      <c r="J120" s="355"/>
      <c r="K120" s="355"/>
      <c r="L120" s="355"/>
      <c r="M120" s="355"/>
      <c r="N120" s="355"/>
      <c r="O120" s="355"/>
      <c r="P120" s="355"/>
      <c r="Q120" s="355"/>
      <c r="R120" s="355"/>
      <c r="S120" s="355"/>
      <c r="T120" s="355"/>
      <c r="U120" s="355"/>
      <c r="V120" s="355"/>
      <c r="W120" s="355"/>
      <c r="X120" s="355"/>
      <c r="Y120" s="355"/>
      <c r="Z120" s="355"/>
      <c r="AA120" s="355"/>
      <c r="AB120" s="355"/>
      <c r="AC120" s="355"/>
      <c r="AD120" s="355"/>
      <c r="AE120" s="355"/>
      <c r="AF120" s="355"/>
      <c r="AG120" s="355"/>
      <c r="AH120" s="355"/>
      <c r="AI120" s="355"/>
      <c r="AJ120" s="355"/>
      <c r="AK120" s="355"/>
    </row>
    <row r="121" spans="1:37" ht="41.25" customHeight="1">
      <c r="A121" s="59"/>
      <c r="B121" s="379" t="s">
        <v>221</v>
      </c>
      <c r="C121" s="380"/>
      <c r="D121" s="380"/>
      <c r="E121" s="380"/>
      <c r="F121" s="380"/>
      <c r="G121" s="380"/>
      <c r="H121" s="380"/>
      <c r="I121" s="380"/>
      <c r="J121" s="381"/>
      <c r="K121" s="377" t="s">
        <v>378</v>
      </c>
      <c r="L121" s="378"/>
      <c r="M121" s="378"/>
      <c r="N121" s="378"/>
      <c r="O121" s="378"/>
      <c r="P121" s="378"/>
      <c r="Q121" s="378"/>
      <c r="R121" s="378"/>
      <c r="S121" s="378"/>
      <c r="T121" s="379" t="s">
        <v>193</v>
      </c>
      <c r="U121" s="380"/>
      <c r="V121" s="380"/>
      <c r="W121" s="380"/>
      <c r="X121" s="380"/>
      <c r="Y121" s="380"/>
      <c r="Z121" s="380"/>
      <c r="AA121" s="380"/>
      <c r="AB121" s="381"/>
      <c r="AC121" s="377" t="s">
        <v>379</v>
      </c>
      <c r="AD121" s="378"/>
      <c r="AE121" s="378"/>
      <c r="AF121" s="378"/>
      <c r="AG121" s="378"/>
      <c r="AH121" s="378"/>
      <c r="AI121" s="378"/>
      <c r="AJ121" s="378"/>
      <c r="AK121" s="378"/>
    </row>
    <row r="122" spans="1:37" ht="40.5" customHeight="1">
      <c r="A122" s="32" t="s">
        <v>71</v>
      </c>
      <c r="B122" s="33" t="s">
        <v>72</v>
      </c>
      <c r="C122" s="33" t="s">
        <v>156</v>
      </c>
      <c r="D122" s="84" t="s">
        <v>85</v>
      </c>
      <c r="E122" s="33" t="s">
        <v>157</v>
      </c>
      <c r="F122" s="84" t="s">
        <v>86</v>
      </c>
      <c r="G122" s="33" t="s">
        <v>158</v>
      </c>
      <c r="H122" s="84" t="s">
        <v>87</v>
      </c>
      <c r="I122" s="33" t="s">
        <v>301</v>
      </c>
      <c r="J122" s="84" t="s">
        <v>300</v>
      </c>
      <c r="K122" s="60" t="s">
        <v>72</v>
      </c>
      <c r="L122" s="60" t="s">
        <v>156</v>
      </c>
      <c r="M122" s="83" t="s">
        <v>85</v>
      </c>
      <c r="N122" s="60" t="s">
        <v>157</v>
      </c>
      <c r="O122" s="83" t="s">
        <v>86</v>
      </c>
      <c r="P122" s="60" t="s">
        <v>158</v>
      </c>
      <c r="Q122" s="83" t="s">
        <v>87</v>
      </c>
      <c r="R122" s="60" t="s">
        <v>301</v>
      </c>
      <c r="S122" s="83" t="s">
        <v>300</v>
      </c>
      <c r="T122" s="33" t="s">
        <v>72</v>
      </c>
      <c r="U122" s="33" t="s">
        <v>156</v>
      </c>
      <c r="V122" s="84" t="s">
        <v>85</v>
      </c>
      <c r="W122" s="33" t="s">
        <v>157</v>
      </c>
      <c r="X122" s="84" t="s">
        <v>86</v>
      </c>
      <c r="Y122" s="33" t="s">
        <v>158</v>
      </c>
      <c r="Z122" s="84" t="s">
        <v>87</v>
      </c>
      <c r="AA122" s="33" t="s">
        <v>301</v>
      </c>
      <c r="AB122" s="84" t="s">
        <v>300</v>
      </c>
      <c r="AC122" s="60" t="s">
        <v>72</v>
      </c>
      <c r="AD122" s="60" t="s">
        <v>156</v>
      </c>
      <c r="AE122" s="83" t="s">
        <v>85</v>
      </c>
      <c r="AF122" s="60" t="s">
        <v>157</v>
      </c>
      <c r="AG122" s="83" t="s">
        <v>86</v>
      </c>
      <c r="AH122" s="60" t="s">
        <v>158</v>
      </c>
      <c r="AI122" s="83" t="s">
        <v>87</v>
      </c>
      <c r="AJ122" s="60" t="s">
        <v>301</v>
      </c>
      <c r="AK122" s="83" t="s">
        <v>300</v>
      </c>
    </row>
    <row r="123" spans="1:37" ht="66" customHeight="1">
      <c r="A123" s="36"/>
      <c r="B123" s="37" t="s">
        <v>74</v>
      </c>
      <c r="C123" s="37" t="s">
        <v>159</v>
      </c>
      <c r="D123" s="86" t="s">
        <v>88</v>
      </c>
      <c r="E123" s="37" t="s">
        <v>160</v>
      </c>
      <c r="F123" s="86" t="s">
        <v>88</v>
      </c>
      <c r="G123" s="37" t="s">
        <v>161</v>
      </c>
      <c r="H123" s="86" t="s">
        <v>88</v>
      </c>
      <c r="I123" s="37" t="s">
        <v>301</v>
      </c>
      <c r="J123" s="86" t="s">
        <v>88</v>
      </c>
      <c r="K123" s="63" t="s">
        <v>74</v>
      </c>
      <c r="L123" s="63" t="s">
        <v>159</v>
      </c>
      <c r="M123" s="85" t="s">
        <v>88</v>
      </c>
      <c r="N123" s="63" t="s">
        <v>160</v>
      </c>
      <c r="O123" s="85" t="s">
        <v>88</v>
      </c>
      <c r="P123" s="63" t="s">
        <v>161</v>
      </c>
      <c r="Q123" s="85" t="s">
        <v>88</v>
      </c>
      <c r="R123" s="63" t="s">
        <v>301</v>
      </c>
      <c r="S123" s="85" t="s">
        <v>88</v>
      </c>
      <c r="T123" s="37" t="s">
        <v>74</v>
      </c>
      <c r="U123" s="37" t="s">
        <v>159</v>
      </c>
      <c r="V123" s="86" t="s">
        <v>88</v>
      </c>
      <c r="W123" s="37" t="s">
        <v>160</v>
      </c>
      <c r="X123" s="86" t="s">
        <v>88</v>
      </c>
      <c r="Y123" s="37" t="s">
        <v>161</v>
      </c>
      <c r="Z123" s="86" t="s">
        <v>88</v>
      </c>
      <c r="AA123" s="37" t="s">
        <v>301</v>
      </c>
      <c r="AB123" s="86" t="s">
        <v>88</v>
      </c>
      <c r="AC123" s="63" t="s">
        <v>74</v>
      </c>
      <c r="AD123" s="63" t="s">
        <v>159</v>
      </c>
      <c r="AE123" s="85" t="s">
        <v>88</v>
      </c>
      <c r="AF123" s="63" t="s">
        <v>160</v>
      </c>
      <c r="AG123" s="85" t="s">
        <v>88</v>
      </c>
      <c r="AH123" s="63" t="s">
        <v>161</v>
      </c>
      <c r="AI123" s="85" t="s">
        <v>88</v>
      </c>
      <c r="AJ123" s="63" t="s">
        <v>301</v>
      </c>
      <c r="AK123" s="85" t="s">
        <v>88</v>
      </c>
    </row>
    <row r="124" spans="1:37">
      <c r="A124" s="40" t="s">
        <v>349</v>
      </c>
      <c r="B124" s="134">
        <v>13965</v>
      </c>
      <c r="C124" s="135">
        <v>0.36644795766614507</v>
      </c>
      <c r="D124" s="89">
        <v>8.1536898892394533E-3</v>
      </c>
      <c r="E124" s="135">
        <v>0.23648040341275756</v>
      </c>
      <c r="F124" s="89">
        <v>7.191224160995411E-3</v>
      </c>
      <c r="G124" s="135">
        <v>0.38329741118132249</v>
      </c>
      <c r="H124" s="89">
        <v>8.2273567588273637E-3</v>
      </c>
      <c r="I124" s="135">
        <v>1.3774227739792673E-2</v>
      </c>
      <c r="J124" s="89">
        <v>1.9820855190901066E-3</v>
      </c>
      <c r="K124" s="134">
        <v>13880</v>
      </c>
      <c r="L124" s="135">
        <v>0.32062561491627489</v>
      </c>
      <c r="M124" s="89">
        <v>7.9221828736430119E-3</v>
      </c>
      <c r="N124" s="135">
        <v>0.2335049807445477</v>
      </c>
      <c r="O124" s="89">
        <v>7.1816638157436805E-3</v>
      </c>
      <c r="P124" s="135">
        <v>0.38589727124803358</v>
      </c>
      <c r="Q124" s="89">
        <v>8.2629653853185988E-3</v>
      </c>
      <c r="R124" s="135">
        <v>5.9972133091162609E-2</v>
      </c>
      <c r="S124" s="89">
        <v>4.0341036549552522E-3</v>
      </c>
      <c r="T124" s="134">
        <v>13922</v>
      </c>
      <c r="U124" s="135">
        <v>0.49368915731230545</v>
      </c>
      <c r="V124" s="89">
        <v>8.4732930857762939E-3</v>
      </c>
      <c r="W124" s="135">
        <v>0.19666974281796323</v>
      </c>
      <c r="X124" s="89">
        <v>6.7376005886321923E-3</v>
      </c>
      <c r="Y124" s="135">
        <v>0.21420187864334492</v>
      </c>
      <c r="Z124" s="89">
        <v>6.9541563128915091E-3</v>
      </c>
      <c r="AA124" s="135">
        <v>9.543922122640483E-2</v>
      </c>
      <c r="AB124" s="89">
        <v>4.9823639893224105E-3</v>
      </c>
      <c r="AC124" s="134">
        <v>13902</v>
      </c>
      <c r="AD124" s="135">
        <v>0.30993186866202399</v>
      </c>
      <c r="AE124" s="89">
        <v>7.8438464444957785E-3</v>
      </c>
      <c r="AF124" s="135">
        <v>0.25085781071638874</v>
      </c>
      <c r="AG124" s="89">
        <v>7.3530255757909366E-3</v>
      </c>
      <c r="AH124" s="135">
        <v>0.36624752792057691</v>
      </c>
      <c r="AI124" s="89">
        <v>8.1711972448100367E-3</v>
      </c>
      <c r="AJ124" s="135">
        <v>7.2962792701029858E-2</v>
      </c>
      <c r="AK124" s="89">
        <v>4.4143288466272764E-3</v>
      </c>
    </row>
    <row r="125" spans="1:37">
      <c r="A125" s="44" t="s">
        <v>350</v>
      </c>
      <c r="B125" s="136">
        <v>10219</v>
      </c>
      <c r="C125" s="137">
        <v>0.37425977793015447</v>
      </c>
      <c r="D125" s="92">
        <v>9.5727319604077283E-3</v>
      </c>
      <c r="E125" s="137">
        <v>0.23341807096192999</v>
      </c>
      <c r="F125" s="92">
        <v>8.3686384836117785E-3</v>
      </c>
      <c r="G125" s="137">
        <v>0.38310947720462957</v>
      </c>
      <c r="H125" s="92">
        <v>9.6164800316819662E-3</v>
      </c>
      <c r="I125" s="137">
        <v>9.2126739032861969E-3</v>
      </c>
      <c r="J125" s="92">
        <v>1.9092445910410185E-3</v>
      </c>
      <c r="K125" s="136">
        <v>10160</v>
      </c>
      <c r="L125" s="137">
        <v>0.3955655587075626</v>
      </c>
      <c r="M125" s="92">
        <v>9.700392325624042E-3</v>
      </c>
      <c r="N125" s="137">
        <v>0.24201743914323703</v>
      </c>
      <c r="O125" s="92">
        <v>8.4979191117963739E-3</v>
      </c>
      <c r="P125" s="137">
        <v>0.30657256229566193</v>
      </c>
      <c r="Q125" s="92">
        <v>9.1473414897307644E-3</v>
      </c>
      <c r="R125" s="137">
        <v>5.5844439853537209E-2</v>
      </c>
      <c r="S125" s="92">
        <v>4.5619217166565718E-3</v>
      </c>
      <c r="T125" s="136">
        <v>10190</v>
      </c>
      <c r="U125" s="137">
        <v>0.59206716223797629</v>
      </c>
      <c r="V125" s="92">
        <v>9.7351686821155105E-3</v>
      </c>
      <c r="W125" s="137">
        <v>0.16742939549663968</v>
      </c>
      <c r="X125" s="92">
        <v>7.3980832736661069E-3</v>
      </c>
      <c r="Y125" s="137">
        <v>0.16741015566277798</v>
      </c>
      <c r="Z125" s="92">
        <v>7.3977441462118208E-3</v>
      </c>
      <c r="AA125" s="137">
        <v>7.3093286602602531E-2</v>
      </c>
      <c r="AB125" s="92">
        <v>5.1614565408424152E-3</v>
      </c>
      <c r="AC125" s="136">
        <v>10170</v>
      </c>
      <c r="AD125" s="137">
        <v>0.36260903263568517</v>
      </c>
      <c r="AE125" s="92">
        <v>9.5327967279677656E-3</v>
      </c>
      <c r="AF125" s="137">
        <v>0.23904894787629591</v>
      </c>
      <c r="AG125" s="92">
        <v>8.458041366186669E-3</v>
      </c>
      <c r="AH125" s="137">
        <v>0.32679779631457401</v>
      </c>
      <c r="AI125" s="92">
        <v>9.3007876747110592E-3</v>
      </c>
      <c r="AJ125" s="137">
        <v>7.154422317344393E-2</v>
      </c>
      <c r="AK125" s="92">
        <v>5.1159147516388311E-3</v>
      </c>
    </row>
    <row r="126" spans="1:37">
      <c r="A126" s="40" t="s">
        <v>351</v>
      </c>
      <c r="B126" s="78">
        <v>3746</v>
      </c>
      <c r="C126" s="93">
        <v>0.3601543210122039</v>
      </c>
      <c r="D126" s="89">
        <v>1.5679621934904357E-2</v>
      </c>
      <c r="E126" s="93">
        <v>0.23894758866633725</v>
      </c>
      <c r="F126" s="89">
        <v>1.393305687139991E-2</v>
      </c>
      <c r="G126" s="93">
        <v>0.383448821239948</v>
      </c>
      <c r="H126" s="89">
        <v>1.5881050741124794E-2</v>
      </c>
      <c r="I126" s="93">
        <v>1.7449269081511242E-2</v>
      </c>
      <c r="J126" s="89">
        <v>4.3378993293283763E-3</v>
      </c>
      <c r="K126" s="78">
        <v>3720</v>
      </c>
      <c r="L126" s="93">
        <v>0.26012095205869695</v>
      </c>
      <c r="M126" s="89">
        <v>1.4382439062372796E-2</v>
      </c>
      <c r="N126" s="93">
        <v>0.22663223172118518</v>
      </c>
      <c r="O126" s="89">
        <v>1.372706617716388E-2</v>
      </c>
      <c r="P126" s="93">
        <v>0.44994208538352093</v>
      </c>
      <c r="Q126" s="89">
        <v>1.6304684417490233E-2</v>
      </c>
      <c r="R126" s="93">
        <v>6.3304730836596809E-2</v>
      </c>
      <c r="S126" s="89">
        <v>8.0082325271413016E-3</v>
      </c>
      <c r="T126" s="78">
        <v>3732</v>
      </c>
      <c r="U126" s="93">
        <v>0.41453265323534544</v>
      </c>
      <c r="V126" s="89">
        <v>1.6120231012975293E-2</v>
      </c>
      <c r="W126" s="93">
        <v>0.22019699033329698</v>
      </c>
      <c r="X126" s="89">
        <v>1.3565521463450985E-2</v>
      </c>
      <c r="Y126" s="93">
        <v>0.25185124156421401</v>
      </c>
      <c r="Z126" s="89">
        <v>1.4208375148641556E-2</v>
      </c>
      <c r="AA126" s="93">
        <v>0.11341911486714538</v>
      </c>
      <c r="AB126" s="89">
        <v>1.0392462377978003E-2</v>
      </c>
      <c r="AC126" s="78">
        <v>3732</v>
      </c>
      <c r="AD126" s="93">
        <v>0.26746387235264757</v>
      </c>
      <c r="AE126" s="89">
        <v>1.4487780994636582E-2</v>
      </c>
      <c r="AF126" s="93">
        <v>0.26037804122388397</v>
      </c>
      <c r="AG126" s="89">
        <v>1.4363892813970059E-2</v>
      </c>
      <c r="AH126" s="93">
        <v>0.39805165194453163</v>
      </c>
      <c r="AI126" s="89">
        <v>1.6017548534641241E-2</v>
      </c>
      <c r="AJ126" s="93">
        <v>7.4106434478937069E-2</v>
      </c>
      <c r="AK126" s="89">
        <v>8.5952820793282168E-3</v>
      </c>
    </row>
    <row r="127" spans="1:37">
      <c r="A127" s="44" t="s">
        <v>533</v>
      </c>
      <c r="B127" s="136">
        <v>3214</v>
      </c>
      <c r="C127" s="137">
        <v>0.35755993357193683</v>
      </c>
      <c r="D127" s="92">
        <v>1.6899558334281379E-2</v>
      </c>
      <c r="E127" s="137">
        <v>0.23090725427257483</v>
      </c>
      <c r="F127" s="92">
        <v>1.4865002508026566E-2</v>
      </c>
      <c r="G127" s="137">
        <v>0.39255226444496827</v>
      </c>
      <c r="H127" s="92">
        <v>1.7217349546242041E-2</v>
      </c>
      <c r="I127" s="137">
        <v>1.8980547710514793E-2</v>
      </c>
      <c r="J127" s="92">
        <v>4.8846409795574482E-3</v>
      </c>
      <c r="K127" s="136">
        <v>3192</v>
      </c>
      <c r="L127" s="137">
        <v>0.30122731804530312</v>
      </c>
      <c r="M127" s="92">
        <v>1.6234678310305679E-2</v>
      </c>
      <c r="N127" s="137">
        <v>0.23538257181741196</v>
      </c>
      <c r="O127" s="92">
        <v>1.5015752349145345E-2</v>
      </c>
      <c r="P127" s="137">
        <v>0.39921211661305023</v>
      </c>
      <c r="Q127" s="92">
        <v>1.7326548387054049E-2</v>
      </c>
      <c r="R127" s="137">
        <v>6.4177993524230065E-2</v>
      </c>
      <c r="S127" s="92">
        <v>8.7041721403785122E-3</v>
      </c>
      <c r="T127" s="136">
        <v>3202</v>
      </c>
      <c r="U127" s="137">
        <v>0.47404612503080912</v>
      </c>
      <c r="V127" s="92">
        <v>1.7637370160532059E-2</v>
      </c>
      <c r="W127" s="137">
        <v>0.20362595649853127</v>
      </c>
      <c r="X127" s="92">
        <v>1.4233656290400767E-2</v>
      </c>
      <c r="Y127" s="137">
        <v>0.19991589613216043</v>
      </c>
      <c r="Z127" s="92">
        <v>1.4136580691134663E-2</v>
      </c>
      <c r="AA127" s="137">
        <v>0.12241202233849491</v>
      </c>
      <c r="AB127" s="92">
        <v>1.1596397456820314E-2</v>
      </c>
      <c r="AC127" s="136">
        <v>3198</v>
      </c>
      <c r="AD127" s="137">
        <v>0.26841508511657769</v>
      </c>
      <c r="AE127" s="92">
        <v>1.5667625914520009E-2</v>
      </c>
      <c r="AF127" s="137">
        <v>0.25976440616347068</v>
      </c>
      <c r="AG127" s="92">
        <v>1.5504465803874856E-2</v>
      </c>
      <c r="AH127" s="137">
        <v>0.39379225236778864</v>
      </c>
      <c r="AI127" s="92">
        <v>1.7269878220217586E-2</v>
      </c>
      <c r="AJ127" s="137">
        <v>7.8028256352159306E-2</v>
      </c>
      <c r="AK127" s="92">
        <v>9.5091554572677896E-3</v>
      </c>
    </row>
    <row r="128" spans="1:37">
      <c r="A128" s="40" t="s">
        <v>534</v>
      </c>
      <c r="B128" s="78">
        <v>2520</v>
      </c>
      <c r="C128" s="93">
        <v>0.32543278304199569</v>
      </c>
      <c r="D128" s="89">
        <v>1.8656236189173673E-2</v>
      </c>
      <c r="E128" s="93">
        <v>0.23858809719401708</v>
      </c>
      <c r="F128" s="89">
        <v>1.6977669770667215E-2</v>
      </c>
      <c r="G128" s="93">
        <v>0.42570147092347155</v>
      </c>
      <c r="H128" s="89">
        <v>1.9684404262620813E-2</v>
      </c>
      <c r="I128" s="93">
        <v>1.0277648840519682E-2</v>
      </c>
      <c r="J128" s="89">
        <v>4.1622346558727857E-3</v>
      </c>
      <c r="K128" s="78">
        <v>2502</v>
      </c>
      <c r="L128" s="93">
        <v>0.34961839382287785</v>
      </c>
      <c r="M128" s="89">
        <v>1.9054150936678452E-2</v>
      </c>
      <c r="N128" s="93">
        <v>0.2742750049074838</v>
      </c>
      <c r="O128" s="89">
        <v>1.7831827320008303E-2</v>
      </c>
      <c r="P128" s="93">
        <v>0.30141278636387075</v>
      </c>
      <c r="Q128" s="89">
        <v>1.833835199767532E-2</v>
      </c>
      <c r="R128" s="93">
        <v>7.4693814905771261E-2</v>
      </c>
      <c r="S128" s="89">
        <v>1.0547020497322295E-2</v>
      </c>
      <c r="T128" s="78">
        <v>2510</v>
      </c>
      <c r="U128" s="93">
        <v>0.57049345609669078</v>
      </c>
      <c r="V128" s="89">
        <v>1.9745656939088089E-2</v>
      </c>
      <c r="W128" s="93">
        <v>0.17129281235207977</v>
      </c>
      <c r="X128" s="89">
        <v>1.5046739207027137E-2</v>
      </c>
      <c r="Y128" s="93">
        <v>0.14112548529000912</v>
      </c>
      <c r="Z128" s="89">
        <v>1.391064749637407E-2</v>
      </c>
      <c r="AA128" s="93">
        <v>0.11708824626122251</v>
      </c>
      <c r="AB128" s="89">
        <v>1.2854042225120075E-2</v>
      </c>
      <c r="AC128" s="78">
        <v>2509</v>
      </c>
      <c r="AD128" s="93">
        <v>0.33843839136799042</v>
      </c>
      <c r="AE128" s="89">
        <v>1.8881618568035136E-2</v>
      </c>
      <c r="AF128" s="93">
        <v>0.23649249119862772</v>
      </c>
      <c r="AG128" s="89">
        <v>1.6963464088890576E-2</v>
      </c>
      <c r="AH128" s="93">
        <v>0.33924102874307699</v>
      </c>
      <c r="AI128" s="89">
        <v>1.8892485253414339E-2</v>
      </c>
      <c r="AJ128" s="93">
        <v>8.5828088690308474E-2</v>
      </c>
      <c r="AK128" s="89">
        <v>1.1214174166763794E-2</v>
      </c>
    </row>
    <row r="129" spans="1:37">
      <c r="A129" s="44" t="s">
        <v>535</v>
      </c>
      <c r="B129" s="136">
        <v>492</v>
      </c>
      <c r="C129" s="137">
        <v>0.3260478889206514</v>
      </c>
      <c r="D129" s="92">
        <v>4.2142878030101041E-2</v>
      </c>
      <c r="E129" s="137">
        <v>0.21423355022374235</v>
      </c>
      <c r="F129" s="92">
        <v>3.6988376733728845E-2</v>
      </c>
      <c r="G129" s="137">
        <v>0.44900079255864134</v>
      </c>
      <c r="H129" s="92">
        <v>4.4670916965511016E-2</v>
      </c>
      <c r="I129" s="137">
        <v>1.0717768296968529E-2</v>
      </c>
      <c r="J129" s="92">
        <v>1.0794477304338319E-2</v>
      </c>
      <c r="K129" s="136">
        <v>484</v>
      </c>
      <c r="L129" s="137">
        <v>0.28695169746429661</v>
      </c>
      <c r="M129" s="92">
        <v>4.102692665319347E-2</v>
      </c>
      <c r="N129" s="137">
        <v>0.32408051858280174</v>
      </c>
      <c r="O129" s="92">
        <v>4.2422310434165292E-2</v>
      </c>
      <c r="P129" s="137">
        <v>0.34356704677030286</v>
      </c>
      <c r="Q129" s="92">
        <v>4.3033370138974222E-2</v>
      </c>
      <c r="R129" s="137">
        <v>4.5400737182602929E-2</v>
      </c>
      <c r="S129" s="92">
        <v>1.956776840978966E-2</v>
      </c>
      <c r="T129" s="136">
        <v>486</v>
      </c>
      <c r="U129" s="137">
        <v>0.51769532342095526</v>
      </c>
      <c r="V129" s="92">
        <v>4.5147555532987937E-2</v>
      </c>
      <c r="W129" s="137">
        <v>0.1999225174986341</v>
      </c>
      <c r="X129" s="92">
        <v>3.6300070361608219E-2</v>
      </c>
      <c r="Y129" s="137">
        <v>0.18280328927680639</v>
      </c>
      <c r="Z129" s="92">
        <v>3.5111741793199376E-2</v>
      </c>
      <c r="AA129" s="137">
        <v>9.9578869803607861E-2</v>
      </c>
      <c r="AB129" s="92">
        <v>2.7444932928847372E-2</v>
      </c>
      <c r="AC129" s="136">
        <v>487</v>
      </c>
      <c r="AD129" s="137">
        <v>0.31162217938243442</v>
      </c>
      <c r="AE129" s="92">
        <v>4.1859976867142733E-2</v>
      </c>
      <c r="AF129" s="137">
        <v>0.24569811970112299</v>
      </c>
      <c r="AG129" s="92">
        <v>3.89662697152139E-2</v>
      </c>
      <c r="AH129" s="137">
        <v>0.3736659500066834</v>
      </c>
      <c r="AI129" s="92">
        <v>4.3689209176107344E-2</v>
      </c>
      <c r="AJ129" s="137">
        <v>6.9013750909763055E-2</v>
      </c>
      <c r="AK129" s="92">
        <v>2.3409049727692845E-2</v>
      </c>
    </row>
    <row r="130" spans="1:37">
      <c r="A130" s="40" t="s">
        <v>536</v>
      </c>
      <c r="B130" s="78">
        <v>89</v>
      </c>
      <c r="C130" s="93">
        <v>0.38294058971740119</v>
      </c>
      <c r="D130" s="89">
        <v>0.10105901388475047</v>
      </c>
      <c r="E130" s="93">
        <v>0.25681365602235628</v>
      </c>
      <c r="F130" s="89">
        <v>9.177772951912154E-2</v>
      </c>
      <c r="G130" s="93">
        <v>0.34130951626775236</v>
      </c>
      <c r="H130" s="89">
        <v>9.8796411818804802E-2</v>
      </c>
      <c r="I130" s="93">
        <v>1.8936237992489533E-2</v>
      </c>
      <c r="J130" s="89">
        <v>4.0458044788317347E-2</v>
      </c>
      <c r="K130" s="78">
        <v>89</v>
      </c>
      <c r="L130" s="93">
        <v>0.33089788048292312</v>
      </c>
      <c r="M130" s="89">
        <v>9.8113693949304026E-2</v>
      </c>
      <c r="N130" s="93">
        <v>0.28090153690981401</v>
      </c>
      <c r="O130" s="89">
        <v>9.4137042065387311E-2</v>
      </c>
      <c r="P130" s="93">
        <v>0.3414974552173991</v>
      </c>
      <c r="Q130" s="89">
        <v>9.8808295043325792E-2</v>
      </c>
      <c r="R130" s="93">
        <v>4.6703127389863111E-2</v>
      </c>
      <c r="S130" s="89">
        <v>5.1563660585467831E-2</v>
      </c>
      <c r="T130" s="78">
        <v>89</v>
      </c>
      <c r="U130" s="93">
        <v>0.5203023575588227</v>
      </c>
      <c r="V130" s="89">
        <v>0.10361685182850766</v>
      </c>
      <c r="W130" s="93">
        <v>0.16930385461497607</v>
      </c>
      <c r="X130" s="89">
        <v>8.0280438162031953E-2</v>
      </c>
      <c r="Y130" s="93">
        <v>0.17976290409099746</v>
      </c>
      <c r="Z130" s="89">
        <v>8.1933660364953267E-2</v>
      </c>
      <c r="AA130" s="93">
        <v>0.13063088373520348</v>
      </c>
      <c r="AB130" s="89">
        <v>7.3338303738610611E-2</v>
      </c>
      <c r="AC130" s="78">
        <v>89</v>
      </c>
      <c r="AD130" s="93">
        <v>0.29677081753975232</v>
      </c>
      <c r="AE130" s="89">
        <v>9.5528943423181259E-2</v>
      </c>
      <c r="AF130" s="93">
        <v>0.21069603935262252</v>
      </c>
      <c r="AG130" s="89">
        <v>8.6347163441625102E-2</v>
      </c>
      <c r="AH130" s="93">
        <v>0.40689218763712526</v>
      </c>
      <c r="AI130" s="89">
        <v>0.10203533525763282</v>
      </c>
      <c r="AJ130" s="93">
        <v>8.5640955470499464E-2</v>
      </c>
      <c r="AK130" s="89">
        <v>6.316331062368373E-2</v>
      </c>
    </row>
    <row r="131" spans="1:37">
      <c r="A131" s="44" t="s">
        <v>537</v>
      </c>
      <c r="B131" s="136">
        <v>140</v>
      </c>
      <c r="C131" s="137">
        <v>0.2750011861104944</v>
      </c>
      <c r="D131" s="92">
        <v>7.4934961060218797E-2</v>
      </c>
      <c r="E131" s="137">
        <v>0.20663831016771886</v>
      </c>
      <c r="F131" s="92">
        <v>6.8445778409238767E-2</v>
      </c>
      <c r="G131" s="137">
        <v>0.51836050372178655</v>
      </c>
      <c r="H131" s="92">
        <v>8.3280209736703636E-2</v>
      </c>
      <c r="I131" s="137">
        <v>0</v>
      </c>
      <c r="J131" s="92">
        <v>1.9504976326797124E-2</v>
      </c>
      <c r="K131" s="136">
        <v>136</v>
      </c>
      <c r="L131" s="137">
        <v>0.306906425918681</v>
      </c>
      <c r="M131" s="92">
        <v>7.8342656428934829E-2</v>
      </c>
      <c r="N131" s="137">
        <v>0.34690166411631229</v>
      </c>
      <c r="O131" s="92">
        <v>8.0690084850031679E-2</v>
      </c>
      <c r="P131" s="137">
        <v>0.30579527315758021</v>
      </c>
      <c r="Q131" s="92">
        <v>7.8268568035500419E-2</v>
      </c>
      <c r="R131" s="137">
        <v>4.0396636807426251E-2</v>
      </c>
      <c r="S131" s="92">
        <v>3.8046173976857271E-2</v>
      </c>
      <c r="T131" s="136">
        <v>137</v>
      </c>
      <c r="U131" s="137">
        <v>0.4913403271279192</v>
      </c>
      <c r="V131" s="92">
        <v>8.4203267142819158E-2</v>
      </c>
      <c r="W131" s="137">
        <v>0.24126254578362044</v>
      </c>
      <c r="X131" s="92">
        <v>7.2796102112874475E-2</v>
      </c>
      <c r="Y131" s="137">
        <v>0.17926734890748391</v>
      </c>
      <c r="Z131" s="92">
        <v>6.5857000034729662E-2</v>
      </c>
      <c r="AA131" s="137">
        <v>8.8129778180976087E-2</v>
      </c>
      <c r="AB131" s="92">
        <v>5.0487326477438761E-2</v>
      </c>
      <c r="AC131" s="136">
        <v>138</v>
      </c>
      <c r="AD131" s="137">
        <v>0.27185176334247019</v>
      </c>
      <c r="AE131" s="92">
        <v>7.5216039084440647E-2</v>
      </c>
      <c r="AF131" s="137">
        <v>0.2717532206317636</v>
      </c>
      <c r="AG131" s="92">
        <v>7.5208084801446751E-2</v>
      </c>
      <c r="AH131" s="137">
        <v>0.41835484497552378</v>
      </c>
      <c r="AI131" s="92">
        <v>8.2854755780162451E-2</v>
      </c>
      <c r="AJ131" s="137">
        <v>3.8040171050242148E-2</v>
      </c>
      <c r="AK131" s="92">
        <v>3.6941789958863512E-2</v>
      </c>
    </row>
    <row r="132" spans="1:37">
      <c r="A132" s="40" t="s">
        <v>538</v>
      </c>
      <c r="B132" s="78">
        <v>108</v>
      </c>
      <c r="C132" s="93">
        <v>0.34022803259485251</v>
      </c>
      <c r="D132" s="89">
        <v>8.9893532531475182E-2</v>
      </c>
      <c r="E132" s="93">
        <v>0.13720724718295124</v>
      </c>
      <c r="F132" s="89">
        <v>6.7510545448586159E-2</v>
      </c>
      <c r="G132" s="93">
        <v>0.51153494992778836</v>
      </c>
      <c r="H132" s="89">
        <v>9.4467734316050989E-2</v>
      </c>
      <c r="I132" s="93">
        <v>1.1029770294407493E-2</v>
      </c>
      <c r="J132" s="89">
        <v>3.1442204431367839E-2</v>
      </c>
      <c r="K132" s="78">
        <v>108</v>
      </c>
      <c r="L132" s="93">
        <v>0.26565357451851562</v>
      </c>
      <c r="M132" s="89">
        <v>8.4289983309686192E-2</v>
      </c>
      <c r="N132" s="93">
        <v>0.45896414765725008</v>
      </c>
      <c r="O132" s="89">
        <v>9.4194743645247173E-2</v>
      </c>
      <c r="P132" s="93">
        <v>0.24531011143386788</v>
      </c>
      <c r="Q132" s="89">
        <v>8.2306846406121209E-2</v>
      </c>
      <c r="R132" s="93">
        <v>3.0072166390365723E-2</v>
      </c>
      <c r="S132" s="89">
        <v>3.9937399164725107E-2</v>
      </c>
      <c r="T132" s="78">
        <v>106</v>
      </c>
      <c r="U132" s="93">
        <v>0.62004759963604106</v>
      </c>
      <c r="V132" s="89">
        <v>9.2759242835197861E-2</v>
      </c>
      <c r="W132" s="93">
        <v>0.15117216544091489</v>
      </c>
      <c r="X132" s="89">
        <v>7.0583994705425396E-2</v>
      </c>
      <c r="Y132" s="93">
        <v>0.19200705815398819</v>
      </c>
      <c r="Z132" s="89">
        <v>7.6731834645195576E-2</v>
      </c>
      <c r="AA132" s="93">
        <v>3.6773176769055199E-2</v>
      </c>
      <c r="AB132" s="89">
        <v>4.2955757906698915E-2</v>
      </c>
      <c r="AC132" s="78">
        <v>107</v>
      </c>
      <c r="AD132" s="93">
        <v>0.39115478258471803</v>
      </c>
      <c r="AE132" s="89">
        <v>9.2802452579140327E-2</v>
      </c>
      <c r="AF132" s="93">
        <v>0.22976685719080067</v>
      </c>
      <c r="AG132" s="89">
        <v>8.1016592442357011E-2</v>
      </c>
      <c r="AH132" s="93">
        <v>0.31685269092804691</v>
      </c>
      <c r="AI132" s="89">
        <v>8.8802039871815119E-2</v>
      </c>
      <c r="AJ132" s="93">
        <v>6.2225669296433646E-2</v>
      </c>
      <c r="AK132" s="89">
        <v>5.090783574740651E-2</v>
      </c>
    </row>
    <row r="133" spans="1:37">
      <c r="A133" s="44" t="s">
        <v>539</v>
      </c>
      <c r="B133" s="136">
        <v>155</v>
      </c>
      <c r="C133" s="137">
        <v>0.32754172584495933</v>
      </c>
      <c r="D133" s="92">
        <v>7.4687738389245417E-2</v>
      </c>
      <c r="E133" s="137">
        <v>0.23999167775134644</v>
      </c>
      <c r="F133" s="92">
        <v>6.8359825288248854E-2</v>
      </c>
      <c r="G133" s="137">
        <v>0.41865767949611682</v>
      </c>
      <c r="H133" s="92">
        <v>7.8301489370287289E-2</v>
      </c>
      <c r="I133" s="137">
        <v>1.3808916907576452E-2</v>
      </c>
      <c r="J133" s="92">
        <v>2.5259433895245698E-2</v>
      </c>
      <c r="K133" s="136">
        <v>151</v>
      </c>
      <c r="L133" s="137">
        <v>0.26811336290959015</v>
      </c>
      <c r="M133" s="92">
        <v>7.1656542089855418E-2</v>
      </c>
      <c r="N133" s="137">
        <v>0.26020020934874133</v>
      </c>
      <c r="O133" s="92">
        <v>7.1015801895363759E-2</v>
      </c>
      <c r="P133" s="137">
        <v>0.4161441612685764</v>
      </c>
      <c r="Q133" s="92">
        <v>7.9242615941100839E-2</v>
      </c>
      <c r="R133" s="137">
        <v>5.5542266473091212E-2</v>
      </c>
      <c r="S133" s="92">
        <v>4.0167878707710644E-2</v>
      </c>
      <c r="T133" s="136">
        <v>154</v>
      </c>
      <c r="U133" s="137">
        <v>0.48221574816559681</v>
      </c>
      <c r="V133" s="92">
        <v>7.9507906116464702E-2</v>
      </c>
      <c r="W133" s="137">
        <v>0.21117644534009675</v>
      </c>
      <c r="X133" s="92">
        <v>6.5748126650926539E-2</v>
      </c>
      <c r="Y133" s="137">
        <v>0.18161035758897381</v>
      </c>
      <c r="Z133" s="92">
        <v>6.2378148900482586E-2</v>
      </c>
      <c r="AA133" s="137">
        <v>0.12499744890533211</v>
      </c>
      <c r="AB133" s="92">
        <v>5.42855333553608E-2</v>
      </c>
      <c r="AC133" s="136">
        <v>153</v>
      </c>
      <c r="AD133" s="137">
        <v>0.30227574098101256</v>
      </c>
      <c r="AE133" s="92">
        <v>7.364432276363414E-2</v>
      </c>
      <c r="AF133" s="137">
        <v>0.25188184216756127</v>
      </c>
      <c r="AG133" s="92">
        <v>6.9855969643997942E-2</v>
      </c>
      <c r="AH133" s="137">
        <v>0.36168886607205181</v>
      </c>
      <c r="AI133" s="92">
        <v>7.6854132368580602E-2</v>
      </c>
      <c r="AJ133" s="137">
        <v>8.4153550779373115E-2</v>
      </c>
      <c r="AK133" s="92">
        <v>4.6746671163269506E-2</v>
      </c>
    </row>
    <row r="134" spans="1:37">
      <c r="A134" s="40" t="s">
        <v>540</v>
      </c>
      <c r="B134" s="134">
        <v>339</v>
      </c>
      <c r="C134" s="135">
        <v>0.32223768484063087</v>
      </c>
      <c r="D134" s="89">
        <v>5.0551855436254081E-2</v>
      </c>
      <c r="E134" s="135">
        <v>0.20967943428486124</v>
      </c>
      <c r="F134" s="89">
        <v>4.4218957105024201E-2</v>
      </c>
      <c r="G134" s="135">
        <v>0.4574174796514987</v>
      </c>
      <c r="H134" s="89">
        <v>5.3803310333727386E-2</v>
      </c>
      <c r="I134" s="135">
        <v>1.0665401223009862E-2</v>
      </c>
      <c r="J134" s="89">
        <v>1.3704029820572394E-2</v>
      </c>
      <c r="K134" s="134">
        <v>341</v>
      </c>
      <c r="L134" s="135">
        <v>0.38955825523114923</v>
      </c>
      <c r="M134" s="89">
        <v>5.2539433819270509E-2</v>
      </c>
      <c r="N134" s="135">
        <v>0.23735996022967532</v>
      </c>
      <c r="O134" s="89">
        <v>4.6013289603600738E-2</v>
      </c>
      <c r="P134" s="135">
        <v>0.28236470189720153</v>
      </c>
      <c r="Q134" s="89">
        <v>4.8600928198893015E-2</v>
      </c>
      <c r="R134" s="135">
        <v>9.0717082641974228E-2</v>
      </c>
      <c r="S134" s="89">
        <v>3.1640979404594691E-2</v>
      </c>
      <c r="T134" s="134">
        <v>341</v>
      </c>
      <c r="U134" s="135">
        <v>0.59292102361160315</v>
      </c>
      <c r="V134" s="89">
        <v>5.2922118193070453E-2</v>
      </c>
      <c r="W134" s="135">
        <v>0.19199023355643188</v>
      </c>
      <c r="X134" s="89">
        <v>4.2707921439664932E-2</v>
      </c>
      <c r="Y134" s="135">
        <v>0.14599946879012751</v>
      </c>
      <c r="Z134" s="89">
        <v>3.845911288906588E-2</v>
      </c>
      <c r="AA134" s="135">
        <v>6.9089274041838844E-2</v>
      </c>
      <c r="AB134" s="89">
        <v>2.8201490918171753E-2</v>
      </c>
      <c r="AC134" s="134">
        <v>340</v>
      </c>
      <c r="AD134" s="135">
        <v>0.32912655532474228</v>
      </c>
      <c r="AE134" s="89">
        <v>5.0747589609744542E-2</v>
      </c>
      <c r="AF134" s="135">
        <v>0.19871545016943626</v>
      </c>
      <c r="AG134" s="89">
        <v>4.3311517943097615E-2</v>
      </c>
      <c r="AH134" s="135">
        <v>0.4008414548722572</v>
      </c>
      <c r="AI134" s="89">
        <v>5.2870499353968696E-2</v>
      </c>
      <c r="AJ134" s="135">
        <v>7.1316539633564616E-2</v>
      </c>
      <c r="AK134" s="89">
        <v>2.862738832851483E-2</v>
      </c>
    </row>
    <row r="135" spans="1:37">
      <c r="A135" s="44" t="s">
        <v>541</v>
      </c>
      <c r="B135" s="136">
        <v>111</v>
      </c>
      <c r="C135" s="137">
        <v>0.37665214453572488</v>
      </c>
      <c r="D135" s="92">
        <v>9.0568314416876003E-2</v>
      </c>
      <c r="E135" s="137">
        <v>0.20200178497834614</v>
      </c>
      <c r="F135" s="92">
        <v>7.6275752134998903E-2</v>
      </c>
      <c r="G135" s="137">
        <v>0.3958816276462902</v>
      </c>
      <c r="H135" s="92">
        <v>9.1347474275812371E-2</v>
      </c>
      <c r="I135" s="137">
        <v>2.5464442839639334E-2</v>
      </c>
      <c r="J135" s="92">
        <v>3.7397300173884478E-2</v>
      </c>
      <c r="K135" s="136">
        <v>113</v>
      </c>
      <c r="L135" s="137">
        <v>0.39373808318059667</v>
      </c>
      <c r="M135" s="92">
        <v>9.0481576165420324E-2</v>
      </c>
      <c r="N135" s="137">
        <v>0.25909143943509128</v>
      </c>
      <c r="O135" s="92">
        <v>8.1830253328526406E-2</v>
      </c>
      <c r="P135" s="137">
        <v>0.23018574183212023</v>
      </c>
      <c r="Q135" s="92">
        <v>7.8901200962671128E-2</v>
      </c>
      <c r="R135" s="137">
        <v>0.11698473555219209</v>
      </c>
      <c r="S135" s="92">
        <v>6.2198649736966864E-2</v>
      </c>
      <c r="T135" s="136">
        <v>113</v>
      </c>
      <c r="U135" s="137">
        <v>0.5806515568725662</v>
      </c>
      <c r="V135" s="92">
        <v>9.132125834068297E-2</v>
      </c>
      <c r="W135" s="137">
        <v>0.23928124995570849</v>
      </c>
      <c r="X135" s="92">
        <v>7.9870428549145875E-2</v>
      </c>
      <c r="Y135" s="137">
        <v>0.1160343587303593</v>
      </c>
      <c r="Z135" s="92">
        <v>6.2011502859254948E-2</v>
      </c>
      <c r="AA135" s="137">
        <v>6.4032834441366621E-2</v>
      </c>
      <c r="AB135" s="92">
        <v>4.9856729827735438E-2</v>
      </c>
      <c r="AC135" s="136">
        <v>113</v>
      </c>
      <c r="AD135" s="137">
        <v>0.3782164663441015</v>
      </c>
      <c r="AE135" s="92">
        <v>8.9855636734880812E-2</v>
      </c>
      <c r="AF135" s="137">
        <v>0.21693860888539857</v>
      </c>
      <c r="AG135" s="92">
        <v>7.7406937909684559E-2</v>
      </c>
      <c r="AH135" s="137">
        <v>0.32956013236721449</v>
      </c>
      <c r="AI135" s="92">
        <v>8.7296058816615896E-2</v>
      </c>
      <c r="AJ135" s="137">
        <v>7.5284792403285769E-2</v>
      </c>
      <c r="AK135" s="92">
        <v>5.2863325701950091E-2</v>
      </c>
    </row>
    <row r="136" spans="1:37">
      <c r="A136" s="40" t="s">
        <v>542</v>
      </c>
      <c r="B136" s="78">
        <v>95</v>
      </c>
      <c r="C136" s="93">
        <v>0.26982581878856732</v>
      </c>
      <c r="D136" s="89">
        <v>9.01658587226664E-2</v>
      </c>
      <c r="E136" s="93">
        <v>0.22906970193315615</v>
      </c>
      <c r="F136" s="89">
        <v>8.5848943603390113E-2</v>
      </c>
      <c r="G136" s="93">
        <v>0.49235960568077863</v>
      </c>
      <c r="H136" s="89">
        <v>0.10049297604470851</v>
      </c>
      <c r="I136" s="93">
        <v>8.744873597498988E-3</v>
      </c>
      <c r="J136" s="89">
        <v>3.3500172519477206E-2</v>
      </c>
      <c r="K136" s="78">
        <v>95</v>
      </c>
      <c r="L136" s="93">
        <v>0.35357138525781723</v>
      </c>
      <c r="M136" s="89">
        <v>9.6453535484625569E-2</v>
      </c>
      <c r="N136" s="93">
        <v>0.22677927114504148</v>
      </c>
      <c r="O136" s="89">
        <v>8.5578449362116296E-2</v>
      </c>
      <c r="P136" s="93">
        <v>0.33208832110015024</v>
      </c>
      <c r="Q136" s="89">
        <v>9.5142205331509119E-2</v>
      </c>
      <c r="R136" s="93">
        <v>8.7561022496991811E-2</v>
      </c>
      <c r="S136" s="89">
        <v>6.141836213178526E-2</v>
      </c>
      <c r="T136" s="78">
        <v>95</v>
      </c>
      <c r="U136" s="93">
        <v>0.49724009902214794</v>
      </c>
      <c r="V136" s="89">
        <v>0.10050237165528127</v>
      </c>
      <c r="W136" s="93">
        <v>0.22199581869378551</v>
      </c>
      <c r="X136" s="89">
        <v>8.5003354866066444E-2</v>
      </c>
      <c r="Y136" s="93">
        <v>0.19545043398305301</v>
      </c>
      <c r="Z136" s="89">
        <v>8.1548927596239829E-2</v>
      </c>
      <c r="AA136" s="93">
        <v>8.5313648301014344E-2</v>
      </c>
      <c r="AB136" s="89">
        <v>6.0852742476236031E-2</v>
      </c>
      <c r="AC136" s="78">
        <v>94</v>
      </c>
      <c r="AD136" s="93">
        <v>0.23293488296225065</v>
      </c>
      <c r="AE136" s="89">
        <v>8.6750815777298221E-2</v>
      </c>
      <c r="AF136" s="93">
        <v>0.22437557985650586</v>
      </c>
      <c r="AG136" s="89">
        <v>8.5739556622239935E-2</v>
      </c>
      <c r="AH136" s="93">
        <v>0.46443574455278708</v>
      </c>
      <c r="AI136" s="89">
        <v>0.10077988276998741</v>
      </c>
      <c r="AJ136" s="93">
        <v>7.8253792628457192E-2</v>
      </c>
      <c r="AK136" s="89">
        <v>5.936871955741805E-2</v>
      </c>
    </row>
    <row r="137" spans="1:37">
      <c r="A137" s="44" t="s">
        <v>543</v>
      </c>
      <c r="B137" s="136">
        <v>77</v>
      </c>
      <c r="C137" s="137">
        <v>0.35774568005584778</v>
      </c>
      <c r="D137" s="92">
        <v>0.10697017127775467</v>
      </c>
      <c r="E137" s="137">
        <v>0.2637130087149786</v>
      </c>
      <c r="F137" s="92">
        <v>9.926806963823008E-2</v>
      </c>
      <c r="G137" s="137">
        <v>0.37854131122917345</v>
      </c>
      <c r="H137" s="92">
        <v>0.1081080438294339</v>
      </c>
      <c r="I137" s="137">
        <v>0</v>
      </c>
      <c r="J137" s="92">
        <v>3.4485061975244265E-2</v>
      </c>
      <c r="K137" s="136">
        <v>77</v>
      </c>
      <c r="L137" s="137">
        <v>0.40222264848959077</v>
      </c>
      <c r="M137" s="92">
        <v>0.1091743453521757</v>
      </c>
      <c r="N137" s="137">
        <v>0.25149054745652732</v>
      </c>
      <c r="O137" s="92">
        <v>9.7927133380795256E-2</v>
      </c>
      <c r="P137" s="137">
        <v>0.27022248031149609</v>
      </c>
      <c r="Q137" s="92">
        <v>9.9947671413136929E-2</v>
      </c>
      <c r="R137" s="137">
        <v>7.6064323742385684E-2</v>
      </c>
      <c r="S137" s="92">
        <v>6.5768216874911564E-2</v>
      </c>
      <c r="T137" s="136">
        <v>77</v>
      </c>
      <c r="U137" s="137">
        <v>0.72753446015050371</v>
      </c>
      <c r="V137" s="92">
        <v>0.10017641051531977</v>
      </c>
      <c r="W137" s="137">
        <v>0.11853318628208888</v>
      </c>
      <c r="X137" s="92">
        <v>7.6497477486633839E-2</v>
      </c>
      <c r="Y137" s="137">
        <v>9.79843199295099E-2</v>
      </c>
      <c r="Z137" s="92">
        <v>7.1647766754469155E-2</v>
      </c>
      <c r="AA137" s="137">
        <v>5.5948033637897548E-2</v>
      </c>
      <c r="AB137" s="92">
        <v>5.9550485908866441E-2</v>
      </c>
      <c r="AC137" s="136">
        <v>77</v>
      </c>
      <c r="AD137" s="137">
        <v>0.35466806256632066</v>
      </c>
      <c r="AE137" s="92">
        <v>0.10678539265432979</v>
      </c>
      <c r="AF137" s="137">
        <v>0.14480130034319924</v>
      </c>
      <c r="AG137" s="92">
        <v>8.1947607295820096E-2</v>
      </c>
      <c r="AH137" s="137">
        <v>0.42446631334809432</v>
      </c>
      <c r="AI137" s="92">
        <v>0.10995941765394594</v>
      </c>
      <c r="AJ137" s="137">
        <v>7.6064323742385684E-2</v>
      </c>
      <c r="AK137" s="92">
        <v>6.5768216874911564E-2</v>
      </c>
    </row>
    <row r="138" spans="1:37">
      <c r="A138" s="52" t="s">
        <v>544</v>
      </c>
      <c r="B138" s="134">
        <v>56</v>
      </c>
      <c r="C138" s="135">
        <v>0.25566401114818754</v>
      </c>
      <c r="D138" s="89">
        <v>0.11488968649474371</v>
      </c>
      <c r="E138" s="135">
        <v>7.7808097630199261E-2</v>
      </c>
      <c r="F138" s="89">
        <v>7.946820193218726E-2</v>
      </c>
      <c r="G138" s="135">
        <v>0.66652789122161304</v>
      </c>
      <c r="H138" s="89">
        <v>0.12270363989080343</v>
      </c>
      <c r="I138" s="135">
        <v>0</v>
      </c>
      <c r="J138" s="89">
        <v>4.6348119143587135E-2</v>
      </c>
      <c r="K138" s="134">
        <v>56</v>
      </c>
      <c r="L138" s="135">
        <v>0.44557224820258767</v>
      </c>
      <c r="M138" s="89">
        <v>0.12843141820242832</v>
      </c>
      <c r="N138" s="135">
        <v>0.18445588025985413</v>
      </c>
      <c r="O138" s="89">
        <v>0.10432804965746961</v>
      </c>
      <c r="P138" s="135">
        <v>0.3075043868437401</v>
      </c>
      <c r="Q138" s="89">
        <v>0.12047720673002284</v>
      </c>
      <c r="R138" s="135">
        <v>6.2467484693818159E-2</v>
      </c>
      <c r="S138" s="89">
        <v>7.4493446726978038E-2</v>
      </c>
      <c r="T138" s="134">
        <v>56</v>
      </c>
      <c r="U138" s="135">
        <v>0.60839450721116639</v>
      </c>
      <c r="V138" s="89">
        <v>0.12642916170645405</v>
      </c>
      <c r="W138" s="135">
        <v>0.14056542045017964</v>
      </c>
      <c r="X138" s="89">
        <v>9.572821012703335E-2</v>
      </c>
      <c r="Y138" s="135">
        <v>0.18550167875737089</v>
      </c>
      <c r="Z138" s="89">
        <v>0.10451127596561952</v>
      </c>
      <c r="AA138" s="135">
        <v>6.5538393581282911E-2</v>
      </c>
      <c r="AB138" s="89">
        <v>7.5530028483984379E-2</v>
      </c>
      <c r="AC138" s="134">
        <v>56</v>
      </c>
      <c r="AD138" s="135">
        <v>0.40229099748378117</v>
      </c>
      <c r="AE138" s="89">
        <v>0.12693396167228696</v>
      </c>
      <c r="AF138" s="135">
        <v>0.19193735965524733</v>
      </c>
      <c r="AG138" s="89">
        <v>0.10561859023552082</v>
      </c>
      <c r="AH138" s="135">
        <v>0.37037346853251502</v>
      </c>
      <c r="AI138" s="89">
        <v>0.1252631063518444</v>
      </c>
      <c r="AJ138" s="135">
        <v>3.5398174328456454E-2</v>
      </c>
      <c r="AK138" s="89">
        <v>6.4273600691403171E-2</v>
      </c>
    </row>
    <row r="139" spans="1:37">
      <c r="A139" s="44" t="s">
        <v>545</v>
      </c>
      <c r="B139" s="136">
        <v>640</v>
      </c>
      <c r="C139" s="137">
        <v>0.3647840077549982</v>
      </c>
      <c r="D139" s="92">
        <v>3.7955764759316502E-2</v>
      </c>
      <c r="E139" s="137">
        <v>0.23838830227485719</v>
      </c>
      <c r="F139" s="92">
        <v>3.3659500153533153E-2</v>
      </c>
      <c r="G139" s="137">
        <v>0.39631606354783683</v>
      </c>
      <c r="H139" s="92">
        <v>3.855968765293466E-2</v>
      </c>
      <c r="I139" s="137">
        <v>5.1162642231253959E-4</v>
      </c>
      <c r="J139" s="92">
        <v>4.7293043130629377E-3</v>
      </c>
      <c r="K139" s="136">
        <v>635</v>
      </c>
      <c r="L139" s="137">
        <v>0.36202919578309795</v>
      </c>
      <c r="M139" s="92">
        <v>3.8043022587735127E-2</v>
      </c>
      <c r="N139" s="137">
        <v>0.25808219366181356</v>
      </c>
      <c r="O139" s="92">
        <v>3.4686720397454462E-2</v>
      </c>
      <c r="P139" s="137">
        <v>0.32169590891904531</v>
      </c>
      <c r="Q139" s="92">
        <v>3.6992105202008053E-2</v>
      </c>
      <c r="R139" s="137">
        <v>5.8192701636046298E-2</v>
      </c>
      <c r="S139" s="92">
        <v>1.8929471590819889E-2</v>
      </c>
      <c r="T139" s="136">
        <v>636</v>
      </c>
      <c r="U139" s="137">
        <v>0.59798412823741698</v>
      </c>
      <c r="V139" s="92">
        <v>3.8771667063087316E-2</v>
      </c>
      <c r="W139" s="137">
        <v>0.17305040831016152</v>
      </c>
      <c r="X139" s="92">
        <v>3.0045381228993404E-2</v>
      </c>
      <c r="Y139" s="137">
        <v>0.15648183114117248</v>
      </c>
      <c r="Z139" s="92">
        <v>2.8881840884263103E-2</v>
      </c>
      <c r="AA139" s="137">
        <v>7.2483632311253807E-2</v>
      </c>
      <c r="AB139" s="92">
        <v>2.0842751131023001E-2</v>
      </c>
      <c r="AC139" s="136">
        <v>633</v>
      </c>
      <c r="AD139" s="137">
        <v>0.3268523762867192</v>
      </c>
      <c r="AE139" s="92">
        <v>3.7201579481717151E-2</v>
      </c>
      <c r="AF139" s="137">
        <v>0.2743772706680222</v>
      </c>
      <c r="AG139" s="92">
        <v>3.5414716692995604E-2</v>
      </c>
      <c r="AH139" s="137">
        <v>0.33410105959564473</v>
      </c>
      <c r="AI139" s="92">
        <v>3.7405840534531797E-2</v>
      </c>
      <c r="AJ139" s="137">
        <v>6.4669293449615112E-2</v>
      </c>
      <c r="AK139" s="92">
        <v>1.9867657910268351E-2</v>
      </c>
    </row>
    <row r="140" spans="1:37">
      <c r="A140" s="52" t="s">
        <v>546</v>
      </c>
      <c r="B140" s="134">
        <v>67</v>
      </c>
      <c r="C140" s="135">
        <v>0.38522966831261785</v>
      </c>
      <c r="D140" s="89">
        <v>0.11586056638895799</v>
      </c>
      <c r="E140" s="135">
        <v>0.29592343228124263</v>
      </c>
      <c r="F140" s="89">
        <v>0.10952219265425485</v>
      </c>
      <c r="G140" s="135">
        <v>0.31884689940613958</v>
      </c>
      <c r="H140" s="89">
        <v>0.1115264191072841</v>
      </c>
      <c r="I140" s="135">
        <v>0</v>
      </c>
      <c r="J140" s="89">
        <v>3.9271909274046654E-2</v>
      </c>
      <c r="K140" s="134">
        <v>67</v>
      </c>
      <c r="L140" s="135">
        <v>0.40325930702706403</v>
      </c>
      <c r="M140" s="89">
        <v>0.11668328198204185</v>
      </c>
      <c r="N140" s="135">
        <v>0.24358698978583171</v>
      </c>
      <c r="O140" s="89">
        <v>0.10385576965883</v>
      </c>
      <c r="P140" s="135">
        <v>0.13938300259960607</v>
      </c>
      <c r="Q140" s="89">
        <v>8.6950054570315585E-2</v>
      </c>
      <c r="R140" s="135">
        <v>0.21377070058749834</v>
      </c>
      <c r="S140" s="89">
        <v>9.9871463448783143E-2</v>
      </c>
      <c r="T140" s="134">
        <v>66</v>
      </c>
      <c r="U140" s="135">
        <v>0.57292711676478103</v>
      </c>
      <c r="V140" s="89">
        <v>0.11838727794159119</v>
      </c>
      <c r="W140" s="135">
        <v>0.18774478884058482</v>
      </c>
      <c r="X140" s="89">
        <v>9.6605690794480517E-2</v>
      </c>
      <c r="Y140" s="135">
        <v>0.21265851638016658</v>
      </c>
      <c r="Z140" s="89">
        <v>0.10045646847549768</v>
      </c>
      <c r="AA140" s="135">
        <v>2.6669578014468062E-2</v>
      </c>
      <c r="AB140" s="89">
        <v>5.389487720802949E-2</v>
      </c>
      <c r="AC140" s="134">
        <v>67</v>
      </c>
      <c r="AD140" s="135">
        <v>0.41090163937616503</v>
      </c>
      <c r="AE140" s="89">
        <v>0.11698820606880603</v>
      </c>
      <c r="AF140" s="135">
        <v>0.1845915741674739</v>
      </c>
      <c r="AG140" s="89">
        <v>9.5360269622759036E-2</v>
      </c>
      <c r="AH140" s="135">
        <v>0.24547744960393764</v>
      </c>
      <c r="AI140" s="89">
        <v>0.10408880432912271</v>
      </c>
      <c r="AJ140" s="135">
        <v>0.15902933685242332</v>
      </c>
      <c r="AK140" s="89">
        <v>9.0839535905468255E-2</v>
      </c>
    </row>
    <row r="141" spans="1:37">
      <c r="A141" s="44" t="s">
        <v>547</v>
      </c>
      <c r="B141" s="136">
        <v>147</v>
      </c>
      <c r="C141" s="137">
        <v>0.45400364029891899</v>
      </c>
      <c r="D141" s="92">
        <v>8.1051849728188061E-2</v>
      </c>
      <c r="E141" s="137">
        <v>0.18674810278446988</v>
      </c>
      <c r="F141" s="92">
        <v>6.449049610224955E-2</v>
      </c>
      <c r="G141" s="137">
        <v>0.35795286435624507</v>
      </c>
      <c r="H141" s="92">
        <v>7.8204597184285587E-2</v>
      </c>
      <c r="I141" s="137">
        <v>1.2953925603682323E-3</v>
      </c>
      <c r="J141" s="92">
        <v>1.9460051382214336E-2</v>
      </c>
      <c r="K141" s="136">
        <v>146</v>
      </c>
      <c r="L141" s="137">
        <v>0.36987587611207551</v>
      </c>
      <c r="M141" s="92">
        <v>7.8986703857319179E-2</v>
      </c>
      <c r="N141" s="137">
        <v>0.24411047888410478</v>
      </c>
      <c r="O141" s="92">
        <v>7.0798536142115356E-2</v>
      </c>
      <c r="P141" s="137">
        <v>0.35100708759697469</v>
      </c>
      <c r="Q141" s="92">
        <v>7.8139920120812806E-2</v>
      </c>
      <c r="R141" s="137">
        <v>3.5006557406847175E-2</v>
      </c>
      <c r="S141" s="92">
        <v>3.4702168015608915E-2</v>
      </c>
      <c r="T141" s="136">
        <v>146</v>
      </c>
      <c r="U141" s="137">
        <v>0.60337433379603378</v>
      </c>
      <c r="V141" s="92">
        <v>7.997934424777596E-2</v>
      </c>
      <c r="W141" s="137">
        <v>0.17740343904532493</v>
      </c>
      <c r="X141" s="92">
        <v>6.354164550558776E-2</v>
      </c>
      <c r="Y141" s="137">
        <v>0.15971564155989232</v>
      </c>
      <c r="Z141" s="92">
        <v>6.1166409904907605E-2</v>
      </c>
      <c r="AA141" s="137">
        <v>5.9506585598749835E-2</v>
      </c>
      <c r="AB141" s="92">
        <v>4.2008277189918168E-2</v>
      </c>
      <c r="AC141" s="136">
        <v>145</v>
      </c>
      <c r="AD141" s="137">
        <v>0.3106127994756695</v>
      </c>
      <c r="AE141" s="92">
        <v>7.6154631004797649E-2</v>
      </c>
      <c r="AF141" s="137">
        <v>0.25001321834168871</v>
      </c>
      <c r="AG141" s="92">
        <v>7.1572354266046759E-2</v>
      </c>
      <c r="AH141" s="137">
        <v>0.38649887330395971</v>
      </c>
      <c r="AI141" s="92">
        <v>7.9899246643646962E-2</v>
      </c>
      <c r="AJ141" s="137">
        <v>5.2875108878684102E-2</v>
      </c>
      <c r="AK141" s="92">
        <v>4.0357212664420175E-2</v>
      </c>
    </row>
    <row r="142" spans="1:37">
      <c r="A142" s="52" t="s">
        <v>548</v>
      </c>
      <c r="B142" s="134">
        <v>164</v>
      </c>
      <c r="C142" s="135">
        <v>0.38427354479858344</v>
      </c>
      <c r="D142" s="89">
        <v>7.5156588728658935E-2</v>
      </c>
      <c r="E142" s="135">
        <v>0.25536456508249022</v>
      </c>
      <c r="F142" s="89">
        <v>6.7782813269989126E-2</v>
      </c>
      <c r="G142" s="135">
        <v>0.3600890803379444</v>
      </c>
      <c r="H142" s="89">
        <v>7.4217502677829145E-2</v>
      </c>
      <c r="I142" s="135">
        <v>2.7280978098219785E-4</v>
      </c>
      <c r="J142" s="89">
        <v>1.6919234699667822E-2</v>
      </c>
      <c r="K142" s="134">
        <v>163</v>
      </c>
      <c r="L142" s="135">
        <v>0.30177050769110081</v>
      </c>
      <c r="M142" s="89">
        <v>7.1353873407304952E-2</v>
      </c>
      <c r="N142" s="135">
        <v>0.26869854456515824</v>
      </c>
      <c r="O142" s="89">
        <v>6.9045127142717336E-2</v>
      </c>
      <c r="P142" s="135">
        <v>0.37630866678442437</v>
      </c>
      <c r="Q142" s="89">
        <v>7.5092691476049508E-2</v>
      </c>
      <c r="R142" s="135">
        <v>5.3222280959316623E-2</v>
      </c>
      <c r="S142" s="89">
        <v>3.7858015312760847E-2</v>
      </c>
      <c r="T142" s="134">
        <v>163</v>
      </c>
      <c r="U142" s="135">
        <v>0.64692048307390493</v>
      </c>
      <c r="V142" s="89">
        <v>7.4131462769005479E-2</v>
      </c>
      <c r="W142" s="135">
        <v>0.15597239309289065</v>
      </c>
      <c r="X142" s="89">
        <v>5.7335404703922163E-2</v>
      </c>
      <c r="Y142" s="135">
        <v>7.5560527651614459E-2</v>
      </c>
      <c r="Z142" s="89">
        <v>4.3327928835916886E-2</v>
      </c>
      <c r="AA142" s="135">
        <v>0.12154659618159006</v>
      </c>
      <c r="AB142" s="89">
        <v>5.2151787689288798E-2</v>
      </c>
      <c r="AC142" s="134">
        <v>163</v>
      </c>
      <c r="AD142" s="135">
        <v>0.33634400263311415</v>
      </c>
      <c r="AE142" s="89">
        <v>7.3327153153709843E-2</v>
      </c>
      <c r="AF142" s="135">
        <v>0.24406875155996666</v>
      </c>
      <c r="AG142" s="89">
        <v>6.7032815475000118E-2</v>
      </c>
      <c r="AH142" s="135">
        <v>0.35162499602211761</v>
      </c>
      <c r="AI142" s="89">
        <v>7.406532892571821E-2</v>
      </c>
      <c r="AJ142" s="135">
        <v>6.7962249784801643E-2</v>
      </c>
      <c r="AK142" s="89">
        <v>4.1578993810837545E-2</v>
      </c>
    </row>
    <row r="143" spans="1:37">
      <c r="A143" s="44" t="s">
        <v>549</v>
      </c>
      <c r="B143" s="136">
        <v>72</v>
      </c>
      <c r="C143" s="137">
        <v>0.34453877664855914</v>
      </c>
      <c r="D143" s="92">
        <v>0.10961868846161091</v>
      </c>
      <c r="E143" s="137">
        <v>0.33236892043884325</v>
      </c>
      <c r="F143" s="92">
        <v>0.10876819748441267</v>
      </c>
      <c r="G143" s="137">
        <v>0.32029980401364744</v>
      </c>
      <c r="H143" s="92">
        <v>0.10785408329321947</v>
      </c>
      <c r="I143" s="137">
        <v>2.7924988989495186E-3</v>
      </c>
      <c r="J143" s="92">
        <v>3.8472517186424429E-2</v>
      </c>
      <c r="K143" s="136">
        <v>70</v>
      </c>
      <c r="L143" s="137">
        <v>0.43290489312433922</v>
      </c>
      <c r="M143" s="92">
        <v>0.11530729080029155</v>
      </c>
      <c r="N143" s="137">
        <v>0.26147155064367489</v>
      </c>
      <c r="O143" s="92">
        <v>0.10373793330086827</v>
      </c>
      <c r="P143" s="137">
        <v>0.210696970428849</v>
      </c>
      <c r="Q143" s="92">
        <v>9.7289607362730998E-2</v>
      </c>
      <c r="R143" s="137">
        <v>9.4926585803136038E-2</v>
      </c>
      <c r="S143" s="92">
        <v>7.4679481654552085E-2</v>
      </c>
      <c r="T143" s="136">
        <v>72</v>
      </c>
      <c r="U143" s="137">
        <v>0.79151810861430494</v>
      </c>
      <c r="V143" s="92">
        <v>9.562188188530879E-2</v>
      </c>
      <c r="W143" s="137">
        <v>9.7348825952421003E-2</v>
      </c>
      <c r="X143" s="92">
        <v>7.4158090726692633E-2</v>
      </c>
      <c r="Y143" s="137">
        <v>8.3176859515897275E-2</v>
      </c>
      <c r="Z143" s="92">
        <v>7.0362135911741897E-2</v>
      </c>
      <c r="AA143" s="137">
        <v>2.7956205917376874E-2</v>
      </c>
      <c r="AB143" s="92">
        <v>5.1305437830345947E-2</v>
      </c>
      <c r="AC143" s="136">
        <v>71</v>
      </c>
      <c r="AD143" s="137">
        <v>0.60911795400532909</v>
      </c>
      <c r="AE143" s="92">
        <v>0.11297892548311661</v>
      </c>
      <c r="AF143" s="137">
        <v>0.22201764499908572</v>
      </c>
      <c r="AG143" s="92">
        <v>9.8183118278008269E-2</v>
      </c>
      <c r="AH143" s="137">
        <v>0.14839319881896954</v>
      </c>
      <c r="AI143" s="92">
        <v>8.6165088925301059E-2</v>
      </c>
      <c r="AJ143" s="137">
        <v>2.0471202176615327E-2</v>
      </c>
      <c r="AK143" s="92">
        <v>4.8401559590880307E-2</v>
      </c>
    </row>
    <row r="144" spans="1:37">
      <c r="A144" s="52" t="s">
        <v>550</v>
      </c>
      <c r="B144" s="134">
        <v>121</v>
      </c>
      <c r="C144" s="135">
        <v>0.26240817753631873</v>
      </c>
      <c r="D144" s="89">
        <v>7.9418912240309059E-2</v>
      </c>
      <c r="E144" s="135">
        <v>0.23339165313793012</v>
      </c>
      <c r="F144" s="89">
        <v>7.6607325839151558E-2</v>
      </c>
      <c r="G144" s="135">
        <v>0.50420016932575018</v>
      </c>
      <c r="H144" s="89">
        <v>8.9439761996794223E-2</v>
      </c>
      <c r="I144" s="135">
        <v>0</v>
      </c>
      <c r="J144" s="89">
        <v>2.2445667733440235E-2</v>
      </c>
      <c r="K144" s="134">
        <v>120</v>
      </c>
      <c r="L144" s="135">
        <v>0.33204505115256927</v>
      </c>
      <c r="M144" s="89">
        <v>8.4925338797161923E-2</v>
      </c>
      <c r="N144" s="135">
        <v>0.24950421622455882</v>
      </c>
      <c r="O144" s="89">
        <v>7.8542126487849487E-2</v>
      </c>
      <c r="P144" s="135">
        <v>0.38585758962743022</v>
      </c>
      <c r="Q144" s="89">
        <v>8.7583784893580499E-2</v>
      </c>
      <c r="R144" s="135">
        <v>3.2593142995440416E-2</v>
      </c>
      <c r="S144" s="89">
        <v>3.8268272017884186E-2</v>
      </c>
      <c r="T144" s="134">
        <v>120</v>
      </c>
      <c r="U144" s="135">
        <v>0.4654156789899852</v>
      </c>
      <c r="V144" s="89">
        <v>8.960123959950593E-2</v>
      </c>
      <c r="W144" s="135">
        <v>0.22332628653132289</v>
      </c>
      <c r="X144" s="89">
        <v>7.5841644065688107E-2</v>
      </c>
      <c r="Y144" s="135">
        <v>0.22165443742506657</v>
      </c>
      <c r="Z144" s="89">
        <v>7.5656608612544113E-2</v>
      </c>
      <c r="AA144" s="135">
        <v>8.9603597053623946E-2</v>
      </c>
      <c r="AB144" s="89">
        <v>5.4555587073714183E-2</v>
      </c>
      <c r="AC144" s="134">
        <v>119</v>
      </c>
      <c r="AD144" s="135">
        <v>0.24772631418816843</v>
      </c>
      <c r="AE144" s="89">
        <v>7.8694634553231502E-2</v>
      </c>
      <c r="AF144" s="135">
        <v>0.3633627879372599</v>
      </c>
      <c r="AG144" s="89">
        <v>8.6958511543018813E-2</v>
      </c>
      <c r="AH144" s="135">
        <v>0.32337617292687054</v>
      </c>
      <c r="AI144" s="89">
        <v>8.4737766380099527E-2</v>
      </c>
      <c r="AJ144" s="135">
        <v>6.5534724947699852E-2</v>
      </c>
      <c r="AK144" s="89">
        <v>4.8829344619688783E-2</v>
      </c>
    </row>
    <row r="145" spans="1:37">
      <c r="A145" s="44" t="s">
        <v>551</v>
      </c>
      <c r="B145" s="136">
        <v>69</v>
      </c>
      <c r="C145" s="137">
        <v>0.40507101538746965</v>
      </c>
      <c r="D145" s="92">
        <v>0.11514112706377173</v>
      </c>
      <c r="E145" s="137">
        <v>0.18423288049152797</v>
      </c>
      <c r="F145" s="92">
        <v>9.3901363650776837E-2</v>
      </c>
      <c r="G145" s="137">
        <v>0.4106961041210021</v>
      </c>
      <c r="H145" s="92">
        <v>0.11536122235747259</v>
      </c>
      <c r="I145" s="137">
        <v>0</v>
      </c>
      <c r="J145" s="92">
        <v>3.821112970151376E-2</v>
      </c>
      <c r="K145" s="136">
        <v>69</v>
      </c>
      <c r="L145" s="137">
        <v>0.48022858450571071</v>
      </c>
      <c r="M145" s="92">
        <v>0.11695936697011552</v>
      </c>
      <c r="N145" s="137">
        <v>0.2768648158733259</v>
      </c>
      <c r="O145" s="92">
        <v>0.10611897251940496</v>
      </c>
      <c r="P145" s="137">
        <v>0.21462903866648628</v>
      </c>
      <c r="Q145" s="92">
        <v>9.8549330761134618E-2</v>
      </c>
      <c r="R145" s="137">
        <v>2.8277560954476713E-2</v>
      </c>
      <c r="S145" s="92">
        <v>5.2964609847301801E-2</v>
      </c>
      <c r="T145" s="136">
        <v>69</v>
      </c>
      <c r="U145" s="137">
        <v>0.64146186001064265</v>
      </c>
      <c r="V145" s="92">
        <v>0.11277848222009222</v>
      </c>
      <c r="W145" s="137">
        <v>0.14272542402237526</v>
      </c>
      <c r="X145" s="92">
        <v>8.6312632512402274E-2</v>
      </c>
      <c r="Y145" s="137">
        <v>0.21581271596698173</v>
      </c>
      <c r="Z145" s="92">
        <v>9.8716635749615686E-2</v>
      </c>
      <c r="AA145" s="137">
        <v>0</v>
      </c>
      <c r="AB145" s="92">
        <v>3.821112970151376E-2</v>
      </c>
      <c r="AC145" s="136">
        <v>68</v>
      </c>
      <c r="AD145" s="137">
        <v>0.26247796571538989</v>
      </c>
      <c r="AE145" s="92">
        <v>0.10532428274563604</v>
      </c>
      <c r="AF145" s="137">
        <v>0.28887119791642824</v>
      </c>
      <c r="AG145" s="92">
        <v>0.10807401518113009</v>
      </c>
      <c r="AH145" s="137">
        <v>0.4137859634005378</v>
      </c>
      <c r="AI145" s="92">
        <v>0.11627794104170504</v>
      </c>
      <c r="AJ145" s="137">
        <v>3.4864872967643588E-2</v>
      </c>
      <c r="AK145" s="92">
        <v>5.6283276440592271E-2</v>
      </c>
    </row>
    <row r="146" spans="1:37">
      <c r="R146" s="238"/>
      <c r="S146" s="238"/>
      <c r="T146" s="238"/>
      <c r="U146" s="238"/>
      <c r="V146" s="238"/>
      <c r="W146" s="238"/>
      <c r="X146" s="238"/>
      <c r="Y146" s="238"/>
      <c r="Z146" s="238"/>
      <c r="AA146" s="238"/>
      <c r="AB146" s="238"/>
      <c r="AC146" s="238"/>
      <c r="AD146" s="238"/>
      <c r="AE146" s="238"/>
    </row>
    <row r="147" spans="1:37">
      <c r="R147" s="238"/>
      <c r="S147" s="238"/>
      <c r="T147" s="238"/>
      <c r="U147" s="238"/>
      <c r="V147" s="238"/>
      <c r="W147" s="238"/>
      <c r="X147" s="238"/>
      <c r="Y147" s="238"/>
      <c r="Z147" s="238"/>
      <c r="AA147" s="238"/>
      <c r="AB147" s="238"/>
      <c r="AC147" s="238"/>
      <c r="AD147" s="238"/>
      <c r="AE147" s="238"/>
    </row>
  </sheetData>
  <mergeCells count="23">
    <mergeCell ref="A61:P61"/>
    <mergeCell ref="A62:P62"/>
    <mergeCell ref="A3:D3"/>
    <mergeCell ref="A4:D4"/>
    <mergeCell ref="A5:D5"/>
    <mergeCell ref="A32:Q32"/>
    <mergeCell ref="A33:Q3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4"/>
  <sheetViews>
    <sheetView zoomScaleNormal="100" workbookViewId="0"/>
  </sheetViews>
  <sheetFormatPr defaultColWidth="16.5703125" defaultRowHeight="15"/>
  <cols>
    <col min="1" max="1" width="52.140625" customWidth="1"/>
  </cols>
  <sheetData>
    <row r="1" spans="1:15" ht="31.5">
      <c r="A1" s="30" t="s">
        <v>40</v>
      </c>
    </row>
    <row r="3" spans="1:15" ht="18.75">
      <c r="A3" s="336" t="s">
        <v>3</v>
      </c>
      <c r="B3" s="336"/>
      <c r="C3" s="336"/>
      <c r="D3" s="336"/>
      <c r="E3" s="336"/>
      <c r="F3" s="336"/>
      <c r="G3" s="336"/>
      <c r="H3" s="336"/>
      <c r="I3" s="336"/>
      <c r="J3" s="336"/>
      <c r="K3" s="336"/>
      <c r="L3" s="336"/>
      <c r="M3" s="336"/>
      <c r="N3" s="336"/>
      <c r="O3" s="336"/>
    </row>
    <row r="4" spans="1:15" ht="42" customHeight="1">
      <c r="A4" s="355" t="s">
        <v>359</v>
      </c>
      <c r="B4" s="355"/>
      <c r="C4" s="355"/>
      <c r="D4" s="355"/>
      <c r="E4" s="355"/>
      <c r="F4" s="355"/>
      <c r="G4" s="355"/>
      <c r="H4" s="355"/>
      <c r="I4" s="355"/>
      <c r="J4" s="355"/>
      <c r="K4" s="355"/>
      <c r="L4" s="355"/>
      <c r="M4" s="355"/>
      <c r="N4" s="355"/>
      <c r="O4" s="355"/>
    </row>
    <row r="5" spans="1:15" ht="15.75">
      <c r="A5" s="402" t="s">
        <v>116</v>
      </c>
      <c r="B5" s="402"/>
      <c r="C5" s="402"/>
      <c r="D5" s="402"/>
      <c r="E5" s="395" t="s">
        <v>31</v>
      </c>
      <c r="F5" s="395"/>
      <c r="G5" s="395"/>
      <c r="H5" s="395"/>
      <c r="I5" s="395"/>
      <c r="J5" s="395"/>
      <c r="K5" s="395"/>
      <c r="L5" s="395"/>
      <c r="M5" s="395"/>
      <c r="N5" s="395"/>
      <c r="O5" s="395"/>
    </row>
    <row r="6" spans="1:15" ht="72">
      <c r="A6" s="32" t="s">
        <v>71</v>
      </c>
      <c r="B6" s="33" t="s">
        <v>72</v>
      </c>
      <c r="C6" s="34" t="s">
        <v>588</v>
      </c>
      <c r="D6" s="35" t="s">
        <v>73</v>
      </c>
      <c r="E6" s="60" t="s">
        <v>72</v>
      </c>
      <c r="F6" s="60" t="s">
        <v>307</v>
      </c>
      <c r="G6" s="83" t="s">
        <v>143</v>
      </c>
      <c r="H6" s="60" t="s">
        <v>308</v>
      </c>
      <c r="I6" s="83" t="s">
        <v>198</v>
      </c>
      <c r="J6" s="60" t="s">
        <v>309</v>
      </c>
      <c r="K6" s="83" t="s">
        <v>200</v>
      </c>
      <c r="L6" s="60" t="s">
        <v>310</v>
      </c>
      <c r="M6" s="83" t="s">
        <v>201</v>
      </c>
      <c r="N6" s="60" t="s">
        <v>311</v>
      </c>
      <c r="O6" s="83" t="s">
        <v>204</v>
      </c>
    </row>
    <row r="7" spans="1:15" ht="84">
      <c r="A7" s="36"/>
      <c r="B7" s="37" t="s">
        <v>74</v>
      </c>
      <c r="C7" s="38" t="s">
        <v>118</v>
      </c>
      <c r="D7" s="39" t="s">
        <v>76</v>
      </c>
      <c r="E7" s="63" t="s">
        <v>74</v>
      </c>
      <c r="F7" s="63" t="s">
        <v>199</v>
      </c>
      <c r="G7" s="85" t="s">
        <v>88</v>
      </c>
      <c r="H7" s="63" t="s">
        <v>197</v>
      </c>
      <c r="I7" s="85" t="s">
        <v>88</v>
      </c>
      <c r="J7" s="63" t="s">
        <v>179</v>
      </c>
      <c r="K7" s="85" t="s">
        <v>88</v>
      </c>
      <c r="L7" s="63" t="s">
        <v>202</v>
      </c>
      <c r="M7" s="85" t="s">
        <v>88</v>
      </c>
      <c r="N7" s="63" t="s">
        <v>203</v>
      </c>
      <c r="O7" s="85" t="s">
        <v>88</v>
      </c>
    </row>
    <row r="8" spans="1:15">
      <c r="A8" s="40" t="s">
        <v>349</v>
      </c>
      <c r="B8" s="138">
        <v>13292</v>
      </c>
      <c r="C8" s="139">
        <v>3.2157016365461688</v>
      </c>
      <c r="D8" s="125">
        <v>1.7780956282388603E-2</v>
      </c>
      <c r="E8" s="117">
        <v>13292</v>
      </c>
      <c r="F8" s="140">
        <v>6.2783561717994235E-2</v>
      </c>
      <c r="G8" s="89">
        <v>4.2114959915721759E-3</v>
      </c>
      <c r="H8" s="141">
        <v>0.17780663032393992</v>
      </c>
      <c r="I8" s="89">
        <v>6.6332015775098967E-3</v>
      </c>
      <c r="J8" s="141">
        <v>0.3416360823384445</v>
      </c>
      <c r="K8" s="89">
        <v>8.2261937645276111E-3</v>
      </c>
      <c r="L8" s="141">
        <v>0.31647206093319324</v>
      </c>
      <c r="M8" s="89">
        <v>8.0674383547051955E-3</v>
      </c>
      <c r="N8" s="141">
        <v>0.10130166468644919</v>
      </c>
      <c r="O8" s="89">
        <v>5.2361578177108868E-3</v>
      </c>
    </row>
    <row r="9" spans="1:15">
      <c r="A9" s="44" t="s">
        <v>350</v>
      </c>
      <c r="B9" s="142">
        <v>9796</v>
      </c>
      <c r="C9" s="143">
        <v>3.1677388723754865</v>
      </c>
      <c r="D9" s="127">
        <v>2.0622751460591306E-2</v>
      </c>
      <c r="E9" s="120">
        <v>9796</v>
      </c>
      <c r="F9" s="144">
        <v>6.6599940263533552E-2</v>
      </c>
      <c r="G9" s="92">
        <v>5.0433909924152802E-3</v>
      </c>
      <c r="H9" s="145">
        <v>0.19702726166794071</v>
      </c>
      <c r="I9" s="92">
        <v>8.0377283107085015E-3</v>
      </c>
      <c r="J9" s="145">
        <v>0.33133051246887235</v>
      </c>
      <c r="K9" s="92">
        <v>9.5099051097896903E-3</v>
      </c>
      <c r="L9" s="145">
        <v>0.31211855662881605</v>
      </c>
      <c r="M9" s="92">
        <v>9.3618717216014669E-3</v>
      </c>
      <c r="N9" s="145">
        <v>9.2923728970839517E-2</v>
      </c>
      <c r="O9" s="92">
        <v>5.8701651861999176E-3</v>
      </c>
    </row>
    <row r="10" spans="1:15">
      <c r="A10" s="40" t="s">
        <v>351</v>
      </c>
      <c r="B10" s="49">
        <v>3496</v>
      </c>
      <c r="C10" s="50">
        <v>3.2554944223628399</v>
      </c>
      <c r="D10" s="51">
        <v>3.5091350706499054E-2</v>
      </c>
      <c r="E10" s="78">
        <v>3496</v>
      </c>
      <c r="F10" s="93">
        <v>5.9617265181835959E-2</v>
      </c>
      <c r="G10" s="89">
        <v>8.036067128565123E-3</v>
      </c>
      <c r="H10" s="93">
        <v>0.16186004176594918</v>
      </c>
      <c r="I10" s="89">
        <v>1.246354981528444E-2</v>
      </c>
      <c r="J10" s="93">
        <v>0.35018620119896093</v>
      </c>
      <c r="K10" s="89">
        <v>1.6128310418774845E-2</v>
      </c>
      <c r="L10" s="93">
        <v>0.32008398921403775</v>
      </c>
      <c r="M10" s="89">
        <v>1.5773546564941746E-2</v>
      </c>
      <c r="N10" s="93">
        <v>0.10825250263921539</v>
      </c>
      <c r="O10" s="89">
        <v>1.0522600304761372E-2</v>
      </c>
    </row>
    <row r="11" spans="1:15">
      <c r="A11" s="44" t="s">
        <v>533</v>
      </c>
      <c r="B11" s="142">
        <v>3051</v>
      </c>
      <c r="C11" s="143">
        <v>3.2646251741848542</v>
      </c>
      <c r="D11" s="127">
        <v>3.6692158288628825E-2</v>
      </c>
      <c r="E11" s="120">
        <v>3051</v>
      </c>
      <c r="F11" s="144">
        <v>5.7423685501593179E-2</v>
      </c>
      <c r="G11" s="92">
        <v>8.4581415869327548E-3</v>
      </c>
      <c r="H11" s="145">
        <v>0.16718161163060674</v>
      </c>
      <c r="I11" s="92">
        <v>1.3515913839359043E-2</v>
      </c>
      <c r="J11" s="145">
        <v>0.33273253509387468</v>
      </c>
      <c r="K11" s="92">
        <v>1.7052717455686262E-2</v>
      </c>
      <c r="L11" s="145">
        <v>0.33867017872919875</v>
      </c>
      <c r="M11" s="92">
        <v>1.7127262205908385E-2</v>
      </c>
      <c r="N11" s="145">
        <v>0.10399198904472468</v>
      </c>
      <c r="O11" s="92">
        <v>1.1069667820204757E-2</v>
      </c>
    </row>
    <row r="12" spans="1:15">
      <c r="A12" s="40" t="s">
        <v>534</v>
      </c>
      <c r="B12" s="49">
        <v>2413</v>
      </c>
      <c r="C12" s="50">
        <v>3.2205118725290514</v>
      </c>
      <c r="D12" s="51">
        <v>4.1259194534384112E-2</v>
      </c>
      <c r="E12" s="78">
        <v>2413</v>
      </c>
      <c r="F12" s="93">
        <v>6.3615719304862178E-2</v>
      </c>
      <c r="G12" s="89">
        <v>9.9812438198411003E-3</v>
      </c>
      <c r="H12" s="93">
        <v>0.18697899207600344</v>
      </c>
      <c r="I12" s="89">
        <v>1.5878202648560043E-2</v>
      </c>
      <c r="J12" s="93">
        <v>0.31826187760703789</v>
      </c>
      <c r="K12" s="89">
        <v>1.8954051788854648E-2</v>
      </c>
      <c r="L12" s="93">
        <v>0.32756451880941717</v>
      </c>
      <c r="M12" s="89">
        <v>1.9096876019788371E-2</v>
      </c>
      <c r="N12" s="93">
        <v>0.10357889220267999</v>
      </c>
      <c r="O12" s="89">
        <v>1.2430694777150959E-2</v>
      </c>
    </row>
    <row r="13" spans="1:15">
      <c r="A13" s="44" t="s">
        <v>535</v>
      </c>
      <c r="B13" s="142">
        <v>472</v>
      </c>
      <c r="C13" s="143">
        <v>3.2538631853202924</v>
      </c>
      <c r="D13" s="127">
        <v>9.4207235482972662E-2</v>
      </c>
      <c r="E13" s="120">
        <v>472</v>
      </c>
      <c r="F13" s="144">
        <v>6.2589952225023088E-2</v>
      </c>
      <c r="G13" s="92">
        <v>2.280250028692455E-2</v>
      </c>
      <c r="H13" s="145">
        <v>0.19824883302745278</v>
      </c>
      <c r="I13" s="92">
        <v>3.6721770011660056E-2</v>
      </c>
      <c r="J13" s="145">
        <v>0.26256337151053816</v>
      </c>
      <c r="K13" s="92">
        <v>4.0435378960326514E-2</v>
      </c>
      <c r="L13" s="145">
        <v>0.3759037636761875</v>
      </c>
      <c r="M13" s="92">
        <v>4.4425166810277604E-2</v>
      </c>
      <c r="N13" s="145">
        <v>0.10069407956080215</v>
      </c>
      <c r="O13" s="92">
        <v>2.7989084608068746E-2</v>
      </c>
    </row>
    <row r="14" spans="1:15">
      <c r="A14" s="40" t="s">
        <v>536</v>
      </c>
      <c r="B14" s="49">
        <v>88</v>
      </c>
      <c r="C14" s="50">
        <v>3.4084745690229652</v>
      </c>
      <c r="D14" s="51">
        <v>0.2044120544911151</v>
      </c>
      <c r="E14" s="78">
        <v>88</v>
      </c>
      <c r="F14" s="93">
        <v>3.2041469021049304E-2</v>
      </c>
      <c r="G14" s="89">
        <v>4.645851013811194E-2</v>
      </c>
      <c r="H14" s="93">
        <v>0.13616817058979561</v>
      </c>
      <c r="I14" s="89">
        <v>7.4858392138972968E-2</v>
      </c>
      <c r="J14" s="93">
        <v>0.32836264089608269</v>
      </c>
      <c r="K14" s="89">
        <v>9.8476793476116223E-2</v>
      </c>
      <c r="L14" s="93">
        <v>0.39812976133128475</v>
      </c>
      <c r="M14" s="89">
        <v>0.10225824776949616</v>
      </c>
      <c r="N14" s="93">
        <v>0.10529795816178705</v>
      </c>
      <c r="O14" s="89">
        <v>6.8354170468992295E-2</v>
      </c>
    </row>
    <row r="15" spans="1:15">
      <c r="A15" s="44" t="s">
        <v>537</v>
      </c>
      <c r="B15" s="142">
        <v>131</v>
      </c>
      <c r="C15" s="143">
        <v>3.0672819603169708</v>
      </c>
      <c r="D15" s="127">
        <v>0.1845271883628645</v>
      </c>
      <c r="E15" s="120">
        <v>131</v>
      </c>
      <c r="F15" s="144">
        <v>0.10256809430901814</v>
      </c>
      <c r="G15" s="92">
        <v>5.4777485891718027E-2</v>
      </c>
      <c r="H15" s="145">
        <v>0.21666161700978254</v>
      </c>
      <c r="I15" s="92">
        <v>7.1885969860140606E-2</v>
      </c>
      <c r="J15" s="145">
        <v>0.25314665137174058</v>
      </c>
      <c r="K15" s="92">
        <v>7.5546597536846227E-2</v>
      </c>
      <c r="L15" s="145">
        <v>0.3661675086741269</v>
      </c>
      <c r="M15" s="92">
        <v>8.311251462530192E-2</v>
      </c>
      <c r="N15" s="145">
        <v>6.145612863533171E-2</v>
      </c>
      <c r="O15" s="92">
        <v>4.5185122256617936E-2</v>
      </c>
    </row>
    <row r="16" spans="1:15">
      <c r="A16" s="40" t="s">
        <v>538</v>
      </c>
      <c r="B16" s="49">
        <v>104</v>
      </c>
      <c r="C16" s="50">
        <v>3.0842343170341451</v>
      </c>
      <c r="D16" s="51">
        <v>0.19802615052928024</v>
      </c>
      <c r="E16" s="78">
        <v>104</v>
      </c>
      <c r="F16" s="93">
        <v>6.7229706732245931E-2</v>
      </c>
      <c r="G16" s="89">
        <v>5.3168600533259183E-2</v>
      </c>
      <c r="H16" s="93">
        <v>0.30658233206395535</v>
      </c>
      <c r="I16" s="89">
        <v>8.9299626442170085E-2</v>
      </c>
      <c r="J16" s="93">
        <v>0.19488086467343471</v>
      </c>
      <c r="K16" s="89">
        <v>7.7858069394101989E-2</v>
      </c>
      <c r="L16" s="93">
        <v>0.33733813049813482</v>
      </c>
      <c r="M16" s="89">
        <v>9.1381321286699388E-2</v>
      </c>
      <c r="N16" s="93">
        <v>9.3968966032228318E-2</v>
      </c>
      <c r="O16" s="89">
        <v>5.9976721775932849E-2</v>
      </c>
    </row>
    <row r="17" spans="1:15">
      <c r="A17" s="44" t="s">
        <v>539</v>
      </c>
      <c r="B17" s="142">
        <v>149</v>
      </c>
      <c r="C17" s="143">
        <v>3.385498947649475</v>
      </c>
      <c r="D17" s="127">
        <v>0.16912991513304415</v>
      </c>
      <c r="E17" s="120">
        <v>149</v>
      </c>
      <c r="F17" s="144">
        <v>4.9346364988948836E-2</v>
      </c>
      <c r="G17" s="92">
        <v>3.8735404588595528E-2</v>
      </c>
      <c r="H17" s="145">
        <v>0.15811350262555313</v>
      </c>
      <c r="I17" s="92">
        <v>6.0314087998217532E-2</v>
      </c>
      <c r="J17" s="145">
        <v>0.27538741243099918</v>
      </c>
      <c r="K17" s="92">
        <v>7.2698257851395387E-2</v>
      </c>
      <c r="L17" s="145">
        <v>0.39200025965606977</v>
      </c>
      <c r="M17" s="92">
        <v>7.903634693372022E-2</v>
      </c>
      <c r="N17" s="145">
        <v>0.12515246029842803</v>
      </c>
      <c r="O17" s="92">
        <v>5.524520428055138E-2</v>
      </c>
    </row>
    <row r="18" spans="1:15">
      <c r="A18" s="40" t="s">
        <v>540</v>
      </c>
      <c r="B18" s="138">
        <v>327</v>
      </c>
      <c r="C18" s="139">
        <v>3.2224269273555479</v>
      </c>
      <c r="D18" s="125">
        <v>0.11576017189665312</v>
      </c>
      <c r="E18" s="117">
        <v>327</v>
      </c>
      <c r="F18" s="140">
        <v>7.3766168713053124E-2</v>
      </c>
      <c r="G18" s="89">
        <v>2.9638126214260103E-2</v>
      </c>
      <c r="H18" s="141">
        <v>0.18211245804312312</v>
      </c>
      <c r="I18" s="89">
        <v>4.2770392315390759E-2</v>
      </c>
      <c r="J18" s="141">
        <v>0.31637350607523551</v>
      </c>
      <c r="K18" s="89">
        <v>5.1219725684131689E-2</v>
      </c>
      <c r="L18" s="141">
        <v>0.30342401151240023</v>
      </c>
      <c r="M18" s="89">
        <v>5.0649698681581132E-2</v>
      </c>
      <c r="N18" s="141">
        <v>0.12432385565618832</v>
      </c>
      <c r="O18" s="89">
        <v>3.6831925421049412E-2</v>
      </c>
    </row>
    <row r="19" spans="1:15">
      <c r="A19" s="44" t="s">
        <v>541</v>
      </c>
      <c r="B19" s="142">
        <v>109</v>
      </c>
      <c r="C19" s="143">
        <v>3.3725084758382833</v>
      </c>
      <c r="D19" s="127">
        <v>0.21014240865039119</v>
      </c>
      <c r="E19" s="120">
        <v>109</v>
      </c>
      <c r="F19" s="144">
        <v>7.4522750730661502E-2</v>
      </c>
      <c r="G19" s="92">
        <v>5.373109662686934E-2</v>
      </c>
      <c r="H19" s="145">
        <v>0.14581004051128729</v>
      </c>
      <c r="I19" s="92">
        <v>6.8685182027480668E-2</v>
      </c>
      <c r="J19" s="145">
        <v>0.28093332461946352</v>
      </c>
      <c r="K19" s="92">
        <v>8.5258004105591062E-2</v>
      </c>
      <c r="L19" s="145">
        <v>0.33010375046628249</v>
      </c>
      <c r="M19" s="92">
        <v>8.8875495489764519E-2</v>
      </c>
      <c r="N19" s="145">
        <v>0.16863013367230587</v>
      </c>
      <c r="O19" s="92">
        <v>7.233899944641356E-2</v>
      </c>
    </row>
    <row r="20" spans="1:15">
      <c r="A20" s="40" t="s">
        <v>542</v>
      </c>
      <c r="B20" s="49">
        <v>90</v>
      </c>
      <c r="C20" s="50">
        <v>3.1684340165778773</v>
      </c>
      <c r="D20" s="51">
        <v>0.21660006146773439</v>
      </c>
      <c r="E20" s="78">
        <v>90</v>
      </c>
      <c r="F20" s="93">
        <v>7.4723463629650044E-2</v>
      </c>
      <c r="G20" s="89">
        <v>5.9859666547557075E-2</v>
      </c>
      <c r="H20" s="93">
        <v>0.194931705391681</v>
      </c>
      <c r="I20" s="89">
        <v>8.3713132272537863E-2</v>
      </c>
      <c r="J20" s="93">
        <v>0.29869713898294309</v>
      </c>
      <c r="K20" s="89">
        <v>9.5171185727838323E-2</v>
      </c>
      <c r="L20" s="93">
        <v>0.35048273476259489</v>
      </c>
      <c r="M20" s="89">
        <v>9.8824300375450591E-2</v>
      </c>
      <c r="N20" s="93">
        <v>8.1164957233131899E-2</v>
      </c>
      <c r="O20" s="89">
        <v>6.1605869887398371E-2</v>
      </c>
    </row>
    <row r="21" spans="1:15">
      <c r="A21" s="44" t="s">
        <v>543</v>
      </c>
      <c r="B21" s="142">
        <v>75</v>
      </c>
      <c r="C21" s="143">
        <v>3.1691934993050932</v>
      </c>
      <c r="D21" s="127">
        <v>0.24896270376879309</v>
      </c>
      <c r="E21" s="120">
        <v>75</v>
      </c>
      <c r="F21" s="144">
        <v>7.7233265817554964E-2</v>
      </c>
      <c r="G21" s="92">
        <v>6.709505416185943E-2</v>
      </c>
      <c r="H21" s="145">
        <v>0.18760553532819535</v>
      </c>
      <c r="I21" s="92">
        <v>9.0579587824857435E-2</v>
      </c>
      <c r="J21" s="145">
        <v>0.34398378490780723</v>
      </c>
      <c r="K21" s="92">
        <v>0.10745890119536215</v>
      </c>
      <c r="L21" s="145">
        <v>0.27108926162448677</v>
      </c>
      <c r="M21" s="92">
        <v>0.10132586308727373</v>
      </c>
      <c r="N21" s="145">
        <v>0.12008815232195602</v>
      </c>
      <c r="O21" s="92">
        <v>7.7920103144484776E-2</v>
      </c>
    </row>
    <row r="22" spans="1:15">
      <c r="A22" s="52" t="s">
        <v>544</v>
      </c>
      <c r="B22" s="138">
        <v>53</v>
      </c>
      <c r="C22" s="139">
        <v>3.080845968852195</v>
      </c>
      <c r="D22" s="125">
        <v>0.25518424056298183</v>
      </c>
      <c r="E22" s="117">
        <v>53</v>
      </c>
      <c r="F22" s="140">
        <v>6.2184050656153768E-2</v>
      </c>
      <c r="G22" s="89">
        <v>7.6903258776768471E-2</v>
      </c>
      <c r="H22" s="141">
        <v>0.23202437706281298</v>
      </c>
      <c r="I22" s="89">
        <v>0.11483448152376839</v>
      </c>
      <c r="J22" s="141">
        <v>0.40002888324122743</v>
      </c>
      <c r="K22" s="89">
        <v>0.13014411889094421</v>
      </c>
      <c r="L22" s="141">
        <v>0.17428693085229771</v>
      </c>
      <c r="M22" s="89">
        <v>0.10539091348667996</v>
      </c>
      <c r="N22" s="141">
        <v>0.13147575818750862</v>
      </c>
      <c r="O22" s="89">
        <v>9.6457296353342839E-2</v>
      </c>
    </row>
    <row r="23" spans="1:15">
      <c r="A23" s="44" t="s">
        <v>545</v>
      </c>
      <c r="B23" s="142">
        <v>615</v>
      </c>
      <c r="C23" s="143">
        <v>3.2448396494003156</v>
      </c>
      <c r="D23" s="127">
        <v>7.8090039499340583E-2</v>
      </c>
      <c r="E23" s="120">
        <v>615</v>
      </c>
      <c r="F23" s="144">
        <v>4.9203980027483871E-2</v>
      </c>
      <c r="G23" s="92">
        <v>1.7867010797155268E-2</v>
      </c>
      <c r="H23" s="145">
        <v>0.1723400698525305</v>
      </c>
      <c r="I23" s="92">
        <v>3.0506974078601867E-2</v>
      </c>
      <c r="J23" s="145">
        <v>0.34942504413877556</v>
      </c>
      <c r="K23" s="92">
        <v>3.8352102347180367E-2</v>
      </c>
      <c r="L23" s="145">
        <v>0.34247413265461341</v>
      </c>
      <c r="M23" s="92">
        <v>3.8173591085726377E-2</v>
      </c>
      <c r="N23" s="145">
        <v>8.655677332659939E-2</v>
      </c>
      <c r="O23" s="92">
        <v>2.2916120195845793E-2</v>
      </c>
    </row>
    <row r="24" spans="1:15">
      <c r="A24" s="52" t="s">
        <v>546</v>
      </c>
      <c r="B24" s="138">
        <v>63</v>
      </c>
      <c r="C24" s="139">
        <v>2.9749035463041578</v>
      </c>
      <c r="D24" s="125">
        <v>0.27052878290769972</v>
      </c>
      <c r="E24" s="117">
        <v>63</v>
      </c>
      <c r="F24" s="140">
        <v>3.8915365808752725E-2</v>
      </c>
      <c r="G24" s="89">
        <v>6.0853707670884674E-2</v>
      </c>
      <c r="H24" s="141">
        <v>0.33923782438862027</v>
      </c>
      <c r="I24" s="89">
        <v>0.11645236396126925</v>
      </c>
      <c r="J24" s="141">
        <v>0.32500124133084285</v>
      </c>
      <c r="K24" s="89">
        <v>0.11536391345557757</v>
      </c>
      <c r="L24" s="141">
        <v>0.20171903463328314</v>
      </c>
      <c r="M24" s="89">
        <v>0.10113824263658931</v>
      </c>
      <c r="N24" s="141">
        <v>9.5126533838500699E-2</v>
      </c>
      <c r="O24" s="89">
        <v>7.9199747925651681E-2</v>
      </c>
    </row>
    <row r="25" spans="1:15">
      <c r="A25" s="44" t="s">
        <v>547</v>
      </c>
      <c r="B25" s="142">
        <v>146</v>
      </c>
      <c r="C25" s="143">
        <v>3.3200133801959235</v>
      </c>
      <c r="D25" s="127">
        <v>0.14554757609222696</v>
      </c>
      <c r="E25" s="120">
        <v>146</v>
      </c>
      <c r="F25" s="144">
        <v>4.9487241132244897E-2</v>
      </c>
      <c r="G25" s="92">
        <v>3.9232147427966151E-2</v>
      </c>
      <c r="H25" s="145">
        <v>7.9202417366177974E-2</v>
      </c>
      <c r="I25" s="92">
        <v>4.6832251907941082E-2</v>
      </c>
      <c r="J25" s="145">
        <v>0.42828316850010223</v>
      </c>
      <c r="K25" s="92">
        <v>8.0850041956116961E-2</v>
      </c>
      <c r="L25" s="145">
        <v>0.38786406617636027</v>
      </c>
      <c r="M25" s="92">
        <v>7.9680567062363289E-2</v>
      </c>
      <c r="N25" s="145">
        <v>5.5163106825116819E-2</v>
      </c>
      <c r="O25" s="92">
        <v>4.0835610772045373E-2</v>
      </c>
    </row>
    <row r="26" spans="1:15">
      <c r="A26" s="52" t="s">
        <v>548</v>
      </c>
      <c r="B26" s="138">
        <v>160</v>
      </c>
      <c r="C26" s="139">
        <v>3.4013139641329793</v>
      </c>
      <c r="D26" s="125">
        <v>0.15898011722525546</v>
      </c>
      <c r="E26" s="117">
        <v>160</v>
      </c>
      <c r="F26" s="140">
        <v>4.9625474915376146E-2</v>
      </c>
      <c r="G26" s="89">
        <v>3.7265239387307511E-2</v>
      </c>
      <c r="H26" s="141">
        <v>0.15869443810905814</v>
      </c>
      <c r="I26" s="89">
        <v>5.8251688904700845E-2</v>
      </c>
      <c r="J26" s="141">
        <v>0.26570374688629772</v>
      </c>
      <c r="K26" s="89">
        <v>6.9449121873894987E-2</v>
      </c>
      <c r="L26" s="141">
        <v>0.39269332810574625</v>
      </c>
      <c r="M26" s="89">
        <v>7.6356053314937347E-2</v>
      </c>
      <c r="N26" s="141">
        <v>0.13328301198352188</v>
      </c>
      <c r="O26" s="89">
        <v>5.4548862794019555E-2</v>
      </c>
    </row>
    <row r="27" spans="1:15">
      <c r="A27" s="44" t="s">
        <v>549</v>
      </c>
      <c r="B27" s="142">
        <v>69</v>
      </c>
      <c r="C27" s="143">
        <v>2.8300958001591807</v>
      </c>
      <c r="D27" s="127">
        <v>0.25271113074224294</v>
      </c>
      <c r="E27" s="120">
        <v>69</v>
      </c>
      <c r="F27" s="144">
        <v>0.1395627674662562</v>
      </c>
      <c r="G27" s="92">
        <v>8.5666508409938558E-2</v>
      </c>
      <c r="H27" s="145">
        <v>0.22125600276146959</v>
      </c>
      <c r="I27" s="92">
        <v>9.9473510702085058E-2</v>
      </c>
      <c r="J27" s="145">
        <v>0.319203446127029</v>
      </c>
      <c r="K27" s="92">
        <v>0.10999293734194868</v>
      </c>
      <c r="L27" s="145">
        <v>0.30947822943732445</v>
      </c>
      <c r="M27" s="92">
        <v>0.10918637917534545</v>
      </c>
      <c r="N27" s="145">
        <v>1.049955420791982E-2</v>
      </c>
      <c r="O27" s="92">
        <v>4.4369928324553512E-2</v>
      </c>
    </row>
    <row r="28" spans="1:15">
      <c r="A28" s="52" t="s">
        <v>550</v>
      </c>
      <c r="B28" s="138">
        <v>111</v>
      </c>
      <c r="C28" s="139">
        <v>3.3262749095469983</v>
      </c>
      <c r="D28" s="125">
        <v>0.17590108305246122</v>
      </c>
      <c r="E28" s="117">
        <v>111</v>
      </c>
      <c r="F28" s="140">
        <v>2.9273824522874633E-2</v>
      </c>
      <c r="G28" s="89">
        <v>3.8926136786095057E-2</v>
      </c>
      <c r="H28" s="141">
        <v>0.15082985017226352</v>
      </c>
      <c r="I28" s="89">
        <v>6.8882781644300159E-2</v>
      </c>
      <c r="J28" s="141">
        <v>0.39745439746318029</v>
      </c>
      <c r="K28" s="89">
        <v>9.1405108287350961E-2</v>
      </c>
      <c r="L28" s="141">
        <v>0.30923144691834986</v>
      </c>
      <c r="M28" s="89">
        <v>8.6696871659742339E-2</v>
      </c>
      <c r="N28" s="141">
        <v>0.11321048092333058</v>
      </c>
      <c r="O28" s="89">
        <v>6.202951697541035E-2</v>
      </c>
    </row>
    <row r="29" spans="1:15">
      <c r="A29" s="44" t="s">
        <v>551</v>
      </c>
      <c r="B29" s="142">
        <v>66</v>
      </c>
      <c r="C29" s="143">
        <v>3.0433993368192449</v>
      </c>
      <c r="D29" s="127">
        <v>0.21341804050434574</v>
      </c>
      <c r="E29" s="120">
        <v>66</v>
      </c>
      <c r="F29" s="144">
        <v>3.6585267026722691E-2</v>
      </c>
      <c r="G29" s="92">
        <v>5.8107670906318243E-2</v>
      </c>
      <c r="H29" s="145">
        <v>0.24050733337855881</v>
      </c>
      <c r="I29" s="92">
        <v>0.10423579737997911</v>
      </c>
      <c r="J29" s="145">
        <v>0.37854465755751654</v>
      </c>
      <c r="K29" s="92">
        <v>0.11634586523790202</v>
      </c>
      <c r="L29" s="145">
        <v>0.3316482798231547</v>
      </c>
      <c r="M29" s="92">
        <v>0.11334001240641721</v>
      </c>
      <c r="N29" s="145">
        <v>1.2714462214046995E-2</v>
      </c>
      <c r="O29" s="92">
        <v>4.7155844484315868E-2</v>
      </c>
    </row>
    <row r="32" spans="1:15" ht="18.75">
      <c r="A32" s="336" t="s">
        <v>205</v>
      </c>
      <c r="B32" s="336"/>
      <c r="C32" s="336"/>
      <c r="D32" s="336"/>
      <c r="E32" s="336"/>
      <c r="F32" s="336"/>
      <c r="G32" s="336"/>
      <c r="H32" s="336"/>
      <c r="I32" s="336"/>
      <c r="J32" s="227"/>
      <c r="K32" s="227"/>
    </row>
    <row r="33" spans="1:11" ht="81" customHeight="1">
      <c r="A33" s="393" t="s">
        <v>206</v>
      </c>
      <c r="B33" s="393"/>
      <c r="C33" s="393"/>
      <c r="D33" s="393"/>
      <c r="E33" s="393"/>
      <c r="F33" s="393"/>
      <c r="G33" s="393"/>
      <c r="H33" s="393"/>
      <c r="I33" s="393"/>
      <c r="J33" s="227"/>
      <c r="K33" s="227"/>
    </row>
    <row r="34" spans="1:11" ht="30" customHeight="1">
      <c r="A34" s="395" t="s">
        <v>205</v>
      </c>
      <c r="B34" s="395"/>
      <c r="C34" s="395"/>
      <c r="D34" s="395"/>
      <c r="E34" s="339" t="s">
        <v>207</v>
      </c>
      <c r="F34" s="340"/>
      <c r="G34" s="340"/>
      <c r="H34" s="340"/>
      <c r="I34" s="341"/>
    </row>
    <row r="35" spans="1:11" ht="72">
      <c r="A35" s="32" t="s">
        <v>71</v>
      </c>
      <c r="B35" s="33" t="s">
        <v>72</v>
      </c>
      <c r="C35" s="34" t="s">
        <v>588</v>
      </c>
      <c r="D35" s="35" t="s">
        <v>73</v>
      </c>
      <c r="E35" s="33" t="s">
        <v>72</v>
      </c>
      <c r="F35" s="33" t="s">
        <v>212</v>
      </c>
      <c r="G35" s="84" t="s">
        <v>209</v>
      </c>
      <c r="H35" s="33" t="s">
        <v>213</v>
      </c>
      <c r="I35" s="84" t="s">
        <v>211</v>
      </c>
    </row>
    <row r="36" spans="1:11" ht="84">
      <c r="A36" s="36"/>
      <c r="B36" s="37" t="s">
        <v>74</v>
      </c>
      <c r="C36" s="38" t="s">
        <v>289</v>
      </c>
      <c r="D36" s="39" t="s">
        <v>76</v>
      </c>
      <c r="E36" s="37" t="s">
        <v>74</v>
      </c>
      <c r="F36" s="37" t="s">
        <v>208</v>
      </c>
      <c r="G36" s="86" t="s">
        <v>88</v>
      </c>
      <c r="H36" s="37" t="s">
        <v>210</v>
      </c>
      <c r="I36" s="86" t="s">
        <v>88</v>
      </c>
    </row>
    <row r="37" spans="1:11">
      <c r="A37" s="40" t="s">
        <v>349</v>
      </c>
      <c r="B37" s="146">
        <v>13544</v>
      </c>
      <c r="C37" s="79">
        <v>12.519755301226652</v>
      </c>
      <c r="D37" s="80">
        <v>8.8934485141396194E-2</v>
      </c>
      <c r="E37" s="78">
        <v>13544</v>
      </c>
      <c r="F37" s="93">
        <v>0.84765803633467895</v>
      </c>
      <c r="G37" s="89">
        <v>6.1763582944921926E-3</v>
      </c>
      <c r="H37" s="93">
        <v>0.15234196366532649</v>
      </c>
      <c r="I37" s="89">
        <v>6.176358294492282E-3</v>
      </c>
    </row>
    <row r="38" spans="1:11">
      <c r="A38" s="44" t="s">
        <v>350</v>
      </c>
      <c r="B38" s="44">
        <v>10035</v>
      </c>
      <c r="C38" s="148">
        <v>11.796030889239407</v>
      </c>
      <c r="D38" s="149">
        <v>9.6483580813808797E-2</v>
      </c>
      <c r="E38" s="120">
        <v>10035</v>
      </c>
      <c r="F38" s="150">
        <v>0.88018330311680648</v>
      </c>
      <c r="G38" s="92">
        <v>6.4858513470029038E-3</v>
      </c>
      <c r="H38" s="150">
        <v>0.11981669688318362</v>
      </c>
      <c r="I38" s="92">
        <v>6.4858513470026739E-3</v>
      </c>
    </row>
    <row r="39" spans="1:11">
      <c r="A39" s="40" t="s">
        <v>351</v>
      </c>
      <c r="B39" s="48">
        <v>3509</v>
      </c>
      <c r="C39" s="79">
        <v>13.132194826746412</v>
      </c>
      <c r="D39" s="80">
        <v>0.19636422728631525</v>
      </c>
      <c r="E39" s="78">
        <v>3509</v>
      </c>
      <c r="F39" s="93">
        <v>0.82013408021889012</v>
      </c>
      <c r="G39" s="89">
        <v>1.2970325643831033E-2</v>
      </c>
      <c r="H39" s="93">
        <v>0.1798659197811093</v>
      </c>
      <c r="I39" s="89">
        <v>1.2970325643831018E-2</v>
      </c>
    </row>
    <row r="40" spans="1:11">
      <c r="A40" s="44" t="s">
        <v>533</v>
      </c>
      <c r="B40" s="44">
        <v>3118</v>
      </c>
      <c r="C40" s="148">
        <v>12.519623988820735</v>
      </c>
      <c r="D40" s="149">
        <v>0.17354690527660688</v>
      </c>
      <c r="E40" s="120">
        <v>3118</v>
      </c>
      <c r="F40" s="150">
        <v>0.84683830285491013</v>
      </c>
      <c r="G40" s="92">
        <v>1.2906367082969042E-2</v>
      </c>
      <c r="H40" s="150">
        <v>0.15316169714508912</v>
      </c>
      <c r="I40" s="92">
        <v>1.2906367082969016E-2</v>
      </c>
    </row>
    <row r="41" spans="1:11">
      <c r="A41" s="40" t="s">
        <v>534</v>
      </c>
      <c r="B41" s="48">
        <v>2480</v>
      </c>
      <c r="C41" s="79">
        <v>11.023392565007027</v>
      </c>
      <c r="D41" s="80">
        <v>0.17805460944070589</v>
      </c>
      <c r="E41" s="78">
        <v>2480</v>
      </c>
      <c r="F41" s="93">
        <v>0.92092897382874128</v>
      </c>
      <c r="G41" s="89">
        <v>1.0871002619789051E-2</v>
      </c>
      <c r="H41" s="93">
        <v>7.9071026171259357E-2</v>
      </c>
      <c r="I41" s="89">
        <v>1.0871002619789086E-2</v>
      </c>
    </row>
    <row r="42" spans="1:11">
      <c r="A42" s="44" t="s">
        <v>535</v>
      </c>
      <c r="B42" s="44">
        <v>480</v>
      </c>
      <c r="C42" s="148">
        <v>10.804849425900722</v>
      </c>
      <c r="D42" s="149">
        <v>0.38481568927070042</v>
      </c>
      <c r="E42" s="120">
        <v>480</v>
      </c>
      <c r="F42" s="150">
        <v>0.93759715332890425</v>
      </c>
      <c r="G42" s="92">
        <v>2.2574174746307928E-2</v>
      </c>
      <c r="H42" s="150">
        <v>6.2402846671096232E-2</v>
      </c>
      <c r="I42" s="92">
        <v>2.2574174746308011E-2</v>
      </c>
    </row>
    <row r="43" spans="1:11">
      <c r="A43" s="40" t="s">
        <v>536</v>
      </c>
      <c r="B43" s="48">
        <v>88</v>
      </c>
      <c r="C43" s="79">
        <v>10.615207510722824</v>
      </c>
      <c r="D43" s="80">
        <v>0.94360484637802855</v>
      </c>
      <c r="E43" s="78">
        <v>88</v>
      </c>
      <c r="F43" s="93">
        <v>0.92993016758398217</v>
      </c>
      <c r="G43" s="89">
        <v>5.9301615254903885E-2</v>
      </c>
      <c r="H43" s="93">
        <v>7.0069832416017733E-2</v>
      </c>
      <c r="I43" s="89">
        <v>5.9301615254903843E-2</v>
      </c>
    </row>
    <row r="44" spans="1:11">
      <c r="A44" s="44" t="s">
        <v>537</v>
      </c>
      <c r="B44" s="44">
        <v>136</v>
      </c>
      <c r="C44" s="148">
        <v>10.678302500549275</v>
      </c>
      <c r="D44" s="149">
        <v>0.71220909109611841</v>
      </c>
      <c r="E44" s="120">
        <v>136</v>
      </c>
      <c r="F44" s="150">
        <v>0.9539358271825048</v>
      </c>
      <c r="G44" s="92">
        <v>3.9838524832758224E-2</v>
      </c>
      <c r="H44" s="150">
        <v>4.606417281749503E-2</v>
      </c>
      <c r="I44" s="92">
        <v>3.9838524832758133E-2</v>
      </c>
    </row>
    <row r="45" spans="1:11">
      <c r="A45" s="40" t="s">
        <v>538</v>
      </c>
      <c r="B45" s="48">
        <v>107</v>
      </c>
      <c r="C45" s="79">
        <v>11.018524805337066</v>
      </c>
      <c r="D45" s="80">
        <v>0.75462531445154946</v>
      </c>
      <c r="E45" s="78">
        <v>107</v>
      </c>
      <c r="F45" s="93">
        <v>0.95974020150142392</v>
      </c>
      <c r="G45" s="89">
        <v>4.3948251126672749E-2</v>
      </c>
      <c r="H45" s="93">
        <v>4.025979849857611E-2</v>
      </c>
      <c r="I45" s="89">
        <v>4.3948251126672784E-2</v>
      </c>
    </row>
    <row r="46" spans="1:11">
      <c r="A46" s="44" t="s">
        <v>539</v>
      </c>
      <c r="B46" s="44">
        <v>149</v>
      </c>
      <c r="C46" s="148">
        <v>10.849853465239502</v>
      </c>
      <c r="D46" s="149">
        <v>0.71748739278105933</v>
      </c>
      <c r="E46" s="120">
        <v>149</v>
      </c>
      <c r="F46" s="150">
        <v>0.91931967311534823</v>
      </c>
      <c r="G46" s="92">
        <v>4.6651119427160707E-2</v>
      </c>
      <c r="H46" s="150">
        <v>8.0680326884651626E-2</v>
      </c>
      <c r="I46" s="92">
        <v>4.6651119427160694E-2</v>
      </c>
    </row>
    <row r="47" spans="1:11">
      <c r="A47" s="40" t="s">
        <v>540</v>
      </c>
      <c r="B47" s="146">
        <v>340</v>
      </c>
      <c r="C47" s="79">
        <v>10.915481823871749</v>
      </c>
      <c r="D47" s="80">
        <v>0.50535481692143769</v>
      </c>
      <c r="E47" s="78">
        <v>340</v>
      </c>
      <c r="F47" s="93">
        <v>0.90860763086827934</v>
      </c>
      <c r="G47" s="89">
        <v>3.1787818505860481E-2</v>
      </c>
      <c r="H47" s="93">
        <v>9.1392369131722842E-2</v>
      </c>
      <c r="I47" s="89">
        <v>3.1787818505860821E-2</v>
      </c>
    </row>
    <row r="48" spans="1:11">
      <c r="A48" s="44" t="s">
        <v>541</v>
      </c>
      <c r="B48" s="147">
        <v>113</v>
      </c>
      <c r="C48" s="148">
        <v>10.458558528213509</v>
      </c>
      <c r="D48" s="149">
        <v>0.83697807904430144</v>
      </c>
      <c r="E48" s="120">
        <v>113</v>
      </c>
      <c r="F48" s="150">
        <v>0.93938635386103786</v>
      </c>
      <c r="G48" s="92">
        <v>4.8890139469379576E-2</v>
      </c>
      <c r="H48" s="150">
        <v>6.0613646138962002E-2</v>
      </c>
      <c r="I48" s="92">
        <v>4.8890139469379514E-2</v>
      </c>
    </row>
    <row r="49" spans="1:9">
      <c r="A49" s="40" t="s">
        <v>542</v>
      </c>
      <c r="B49" s="78">
        <v>95</v>
      </c>
      <c r="C49" s="79">
        <v>11.063631959545093</v>
      </c>
      <c r="D49" s="80">
        <v>1.0800943611925669</v>
      </c>
      <c r="E49" s="78">
        <v>95</v>
      </c>
      <c r="F49" s="93">
        <v>0.89189619285434429</v>
      </c>
      <c r="G49" s="89">
        <v>6.6234163639107502E-2</v>
      </c>
      <c r="H49" s="93">
        <v>0.10810380714565579</v>
      </c>
      <c r="I49" s="89">
        <v>6.6234163639107529E-2</v>
      </c>
    </row>
    <row r="50" spans="1:9">
      <c r="A50" s="44" t="s">
        <v>543</v>
      </c>
      <c r="B50" s="147">
        <v>77</v>
      </c>
      <c r="C50" s="148">
        <v>11.49193903632022</v>
      </c>
      <c r="D50" s="149">
        <v>1.0830813452931254</v>
      </c>
      <c r="E50" s="120">
        <v>77</v>
      </c>
      <c r="F50" s="150">
        <v>0.88594785528959508</v>
      </c>
      <c r="G50" s="92">
        <v>7.548777364411631E-2</v>
      </c>
      <c r="H50" s="150">
        <v>0.1140521447104051</v>
      </c>
      <c r="I50" s="92">
        <v>7.5487773644116324E-2</v>
      </c>
    </row>
    <row r="51" spans="1:9">
      <c r="A51" s="52" t="s">
        <v>544</v>
      </c>
      <c r="B51" s="146">
        <v>55</v>
      </c>
      <c r="C51" s="79">
        <v>10.551688199300886</v>
      </c>
      <c r="D51" s="80">
        <v>1.0291446179367112</v>
      </c>
      <c r="E51" s="78">
        <v>55</v>
      </c>
      <c r="F51" s="93">
        <v>0.91885624135964106</v>
      </c>
      <c r="G51" s="89">
        <v>8.1320294484203151E-2</v>
      </c>
      <c r="H51" s="93">
        <v>8.1143758640358804E-2</v>
      </c>
      <c r="I51" s="89">
        <v>8.1320294484203137E-2</v>
      </c>
    </row>
    <row r="52" spans="1:9">
      <c r="A52" s="44" t="s">
        <v>545</v>
      </c>
      <c r="B52" s="147">
        <v>633</v>
      </c>
      <c r="C52" s="148">
        <v>10.862662824082383</v>
      </c>
      <c r="D52" s="149">
        <v>0.34768467153205379</v>
      </c>
      <c r="E52" s="120">
        <v>633</v>
      </c>
      <c r="F52" s="150">
        <v>0.92744271001556255</v>
      </c>
      <c r="G52" s="92">
        <v>2.0902723350291207E-2</v>
      </c>
      <c r="H52" s="150">
        <v>7.2557289984437501E-2</v>
      </c>
      <c r="I52" s="92">
        <v>2.0902723350291207E-2</v>
      </c>
    </row>
    <row r="53" spans="1:9">
      <c r="A53" s="52" t="s">
        <v>546</v>
      </c>
      <c r="B53" s="146">
        <v>66</v>
      </c>
      <c r="C53" s="79">
        <v>11.146804075171898</v>
      </c>
      <c r="D53" s="80">
        <v>1.0931228245910305</v>
      </c>
      <c r="E53" s="78">
        <v>66</v>
      </c>
      <c r="F53" s="93">
        <v>0.90742406110048879</v>
      </c>
      <c r="G53" s="89">
        <v>7.6507477376513408E-2</v>
      </c>
      <c r="H53" s="93">
        <v>9.2575938899511601E-2</v>
      </c>
      <c r="I53" s="89">
        <v>7.6507477376513519E-2</v>
      </c>
    </row>
    <row r="54" spans="1:9">
      <c r="A54" s="44" t="s">
        <v>547</v>
      </c>
      <c r="B54" s="147">
        <v>147</v>
      </c>
      <c r="C54" s="148">
        <v>10.755625524032025</v>
      </c>
      <c r="D54" s="149">
        <v>0.79915340288296433</v>
      </c>
      <c r="E54" s="120">
        <v>147</v>
      </c>
      <c r="F54" s="150">
        <v>0.91836025750407013</v>
      </c>
      <c r="G54" s="92">
        <v>4.7206672386346439E-2</v>
      </c>
      <c r="H54" s="150">
        <v>8.1639742495930492E-2</v>
      </c>
      <c r="I54" s="92">
        <v>4.7206672386346606E-2</v>
      </c>
    </row>
    <row r="55" spans="1:9">
      <c r="A55" s="52" t="s">
        <v>548</v>
      </c>
      <c r="B55" s="146">
        <v>164</v>
      </c>
      <c r="C55" s="79">
        <v>10.611991566091927</v>
      </c>
      <c r="D55" s="80">
        <v>0.62689527538712952</v>
      </c>
      <c r="E55" s="78">
        <v>164</v>
      </c>
      <c r="F55" s="93">
        <v>0.93846465481247254</v>
      </c>
      <c r="G55" s="89">
        <v>3.9879157375446991E-2</v>
      </c>
      <c r="H55" s="93">
        <v>6.1535345187527471E-2</v>
      </c>
      <c r="I55" s="89">
        <v>3.9879157375447012E-2</v>
      </c>
    </row>
    <row r="56" spans="1:9">
      <c r="A56" s="44" t="s">
        <v>549</v>
      </c>
      <c r="B56" s="147">
        <v>71</v>
      </c>
      <c r="C56" s="148">
        <v>10.394579223637198</v>
      </c>
      <c r="D56" s="149">
        <v>0.87190361798978522</v>
      </c>
      <c r="E56" s="120">
        <v>71</v>
      </c>
      <c r="F56" s="150">
        <v>0.98138792423158083</v>
      </c>
      <c r="G56" s="92">
        <v>4.7511312271573812E-2</v>
      </c>
      <c r="H56" s="150">
        <v>1.8612075768419264E-2</v>
      </c>
      <c r="I56" s="92">
        <v>4.7511312271573868E-2</v>
      </c>
    </row>
    <row r="57" spans="1:9">
      <c r="A57" s="52" t="s">
        <v>550</v>
      </c>
      <c r="B57" s="146">
        <v>116</v>
      </c>
      <c r="C57" s="79">
        <v>11.315528053559889</v>
      </c>
      <c r="D57" s="80">
        <v>0.85133633682183296</v>
      </c>
      <c r="E57" s="78">
        <v>116</v>
      </c>
      <c r="F57" s="93">
        <v>0.9140365638554151</v>
      </c>
      <c r="G57" s="89">
        <v>5.4714918308298978E-2</v>
      </c>
      <c r="H57" s="93">
        <v>8.596343614458489E-2</v>
      </c>
      <c r="I57" s="89">
        <v>5.4714918308298985E-2</v>
      </c>
    </row>
    <row r="58" spans="1:9">
      <c r="A58" s="44" t="s">
        <v>551</v>
      </c>
      <c r="B58" s="147">
        <v>69</v>
      </c>
      <c r="C58" s="148">
        <v>10.824745092947685</v>
      </c>
      <c r="D58" s="149">
        <v>1.0745283323659813</v>
      </c>
      <c r="E58" s="120">
        <v>69</v>
      </c>
      <c r="F58" s="150">
        <v>0.92059284735356828</v>
      </c>
      <c r="G58" s="92">
        <v>7.0983945702817242E-2</v>
      </c>
      <c r="H58" s="150">
        <v>7.9407152646431514E-2</v>
      </c>
      <c r="I58" s="92">
        <v>7.0983945702817144E-2</v>
      </c>
    </row>
    <row r="61" spans="1:9" ht="18.75">
      <c r="A61" s="336" t="s">
        <v>352</v>
      </c>
      <c r="B61" s="336"/>
      <c r="C61" s="336"/>
      <c r="D61" s="336"/>
    </row>
    <row r="62" spans="1:9" ht="97.5" customHeight="1">
      <c r="A62" s="355" t="s">
        <v>380</v>
      </c>
      <c r="B62" s="355"/>
      <c r="C62" s="355"/>
      <c r="D62" s="355"/>
    </row>
    <row r="63" spans="1:9" ht="36" customHeight="1">
      <c r="A63" s="394" t="s">
        <v>119</v>
      </c>
      <c r="B63" s="395"/>
      <c r="C63" s="395"/>
      <c r="D63" s="395"/>
    </row>
    <row r="64" spans="1:9" ht="72">
      <c r="A64" s="32" t="s">
        <v>71</v>
      </c>
      <c r="B64" s="33" t="s">
        <v>72</v>
      </c>
      <c r="C64" s="34" t="s">
        <v>588</v>
      </c>
      <c r="D64" s="35" t="s">
        <v>73</v>
      </c>
    </row>
    <row r="65" spans="1:4" ht="84">
      <c r="A65" s="36"/>
      <c r="B65" s="37" t="s">
        <v>74</v>
      </c>
      <c r="C65" s="38" t="s">
        <v>120</v>
      </c>
      <c r="D65" s="39" t="s">
        <v>76</v>
      </c>
    </row>
    <row r="66" spans="1:4">
      <c r="A66" s="40" t="s">
        <v>349</v>
      </c>
      <c r="B66" s="151">
        <v>10264</v>
      </c>
      <c r="C66" s="79">
        <v>5.3006208479915813</v>
      </c>
      <c r="D66" s="80">
        <v>2.6719251846929002E-2</v>
      </c>
    </row>
    <row r="67" spans="1:4">
      <c r="A67" s="44" t="s">
        <v>350</v>
      </c>
      <c r="B67" s="44">
        <v>8119</v>
      </c>
      <c r="C67" s="153">
        <v>5.3656834675598448</v>
      </c>
      <c r="D67" s="154">
        <v>2.9672117658980486E-2</v>
      </c>
    </row>
    <row r="68" spans="1:4">
      <c r="A68" s="40" t="s">
        <v>351</v>
      </c>
      <c r="B68" s="48">
        <v>2145</v>
      </c>
      <c r="C68" s="79">
        <v>5.2304402162232035</v>
      </c>
      <c r="D68" s="80">
        <v>6.035898468368902E-2</v>
      </c>
    </row>
    <row r="69" spans="1:4">
      <c r="A69" s="44" t="s">
        <v>533</v>
      </c>
      <c r="B69" s="44">
        <v>2497</v>
      </c>
      <c r="C69" s="153">
        <v>5.4211147633404888</v>
      </c>
      <c r="D69" s="154">
        <v>5.2250035130289946E-2</v>
      </c>
    </row>
    <row r="70" spans="1:4">
      <c r="A70" s="40" t="s">
        <v>534</v>
      </c>
      <c r="B70" s="48">
        <v>2094</v>
      </c>
      <c r="C70" s="79">
        <v>5.4601190524570171</v>
      </c>
      <c r="D70" s="80">
        <v>5.7016196409155569E-2</v>
      </c>
    </row>
    <row r="71" spans="1:4">
      <c r="A71" s="44" t="s">
        <v>535</v>
      </c>
      <c r="B71" s="44">
        <v>404</v>
      </c>
      <c r="C71" s="153">
        <v>5.5403127936990071</v>
      </c>
      <c r="D71" s="154">
        <v>0.12160418095055538</v>
      </c>
    </row>
    <row r="72" spans="1:4">
      <c r="A72" s="40" t="s">
        <v>536</v>
      </c>
      <c r="B72" s="48">
        <v>75</v>
      </c>
      <c r="C72" s="79">
        <v>5.5971043975277439</v>
      </c>
      <c r="D72" s="80">
        <v>0.2590049023334618</v>
      </c>
    </row>
    <row r="73" spans="1:4">
      <c r="A73" s="44" t="s">
        <v>537</v>
      </c>
      <c r="B73" s="44">
        <v>112</v>
      </c>
      <c r="C73" s="153">
        <v>5.5111842839377942</v>
      </c>
      <c r="D73" s="154">
        <v>0.22855047857915065</v>
      </c>
    </row>
    <row r="74" spans="1:4">
      <c r="A74" s="40" t="s">
        <v>538</v>
      </c>
      <c r="B74" s="48">
        <v>95</v>
      </c>
      <c r="C74" s="79">
        <v>5.6109354384271111</v>
      </c>
      <c r="D74" s="80">
        <v>0.2423371097773043</v>
      </c>
    </row>
    <row r="75" spans="1:4">
      <c r="A75" s="44" t="s">
        <v>539</v>
      </c>
      <c r="B75" s="44">
        <v>122</v>
      </c>
      <c r="C75" s="153">
        <v>5.4971217466517963</v>
      </c>
      <c r="D75" s="154">
        <v>0.23915088112612948</v>
      </c>
    </row>
    <row r="76" spans="1:4">
      <c r="A76" s="40" t="s">
        <v>540</v>
      </c>
      <c r="B76" s="151">
        <v>295</v>
      </c>
      <c r="C76" s="79">
        <v>5.5003812202014943</v>
      </c>
      <c r="D76" s="80">
        <v>0.15616938101912833</v>
      </c>
    </row>
    <row r="77" spans="1:4">
      <c r="A77" s="44" t="s">
        <v>541</v>
      </c>
      <c r="B77" s="152">
        <v>97</v>
      </c>
      <c r="C77" s="153">
        <v>5.5745454424264196</v>
      </c>
      <c r="D77" s="154">
        <v>0.27866764933538846</v>
      </c>
    </row>
    <row r="78" spans="1:4">
      <c r="A78" s="40" t="s">
        <v>542</v>
      </c>
      <c r="B78" s="78">
        <v>79</v>
      </c>
      <c r="C78" s="79">
        <v>5.7253991764295717</v>
      </c>
      <c r="D78" s="80">
        <v>0.26141270670563366</v>
      </c>
    </row>
    <row r="79" spans="1:4">
      <c r="A79" s="44" t="s">
        <v>543</v>
      </c>
      <c r="B79" s="152">
        <v>70</v>
      </c>
      <c r="C79" s="153">
        <v>5.003384409884486</v>
      </c>
      <c r="D79" s="154">
        <v>0.37197015619730744</v>
      </c>
    </row>
    <row r="80" spans="1:4">
      <c r="A80" s="52" t="s">
        <v>544</v>
      </c>
      <c r="B80" s="151">
        <v>49</v>
      </c>
      <c r="C80" s="79">
        <v>5.8037685007445532</v>
      </c>
      <c r="D80" s="80">
        <v>0.33141112433551978</v>
      </c>
    </row>
    <row r="81" spans="1:26">
      <c r="A81" s="44" t="s">
        <v>545</v>
      </c>
      <c r="B81" s="152">
        <v>518</v>
      </c>
      <c r="C81" s="153">
        <v>5.3792898607827349</v>
      </c>
      <c r="D81" s="154">
        <v>0.1177069849052079</v>
      </c>
    </row>
    <row r="82" spans="1:26">
      <c r="A82" s="52" t="s">
        <v>546</v>
      </c>
      <c r="B82" s="151">
        <v>54</v>
      </c>
      <c r="C82" s="79">
        <v>5.1699226646531988</v>
      </c>
      <c r="D82" s="80">
        <v>0.41814782903693781</v>
      </c>
    </row>
    <row r="83" spans="1:26">
      <c r="A83" s="44" t="s">
        <v>547</v>
      </c>
      <c r="B83" s="152">
        <v>125</v>
      </c>
      <c r="C83" s="153">
        <v>5.3826396722250394</v>
      </c>
      <c r="D83" s="154">
        <v>0.25857647805826794</v>
      </c>
    </row>
    <row r="84" spans="1:26">
      <c r="A84" s="52" t="s">
        <v>548</v>
      </c>
      <c r="B84" s="151">
        <v>134</v>
      </c>
      <c r="C84" s="79">
        <v>5.5138780076511003</v>
      </c>
      <c r="D84" s="80">
        <v>0.21753931935792531</v>
      </c>
    </row>
    <row r="85" spans="1:26">
      <c r="A85" s="44" t="s">
        <v>549</v>
      </c>
      <c r="B85" s="152">
        <v>60</v>
      </c>
      <c r="C85" s="153">
        <v>4.9174366801094065</v>
      </c>
      <c r="D85" s="154">
        <v>0.328384685026749</v>
      </c>
    </row>
    <row r="86" spans="1:26">
      <c r="A86" s="52" t="s">
        <v>550</v>
      </c>
      <c r="B86" s="151">
        <v>90</v>
      </c>
      <c r="C86" s="79">
        <v>5.4730293666302119</v>
      </c>
      <c r="D86" s="80">
        <v>0.24544751748519458</v>
      </c>
    </row>
    <row r="87" spans="1:26">
      <c r="A87" s="44" t="s">
        <v>551</v>
      </c>
      <c r="B87" s="152">
        <v>55</v>
      </c>
      <c r="C87" s="153">
        <v>5.3016911548365409</v>
      </c>
      <c r="D87" s="154">
        <v>0.36262023610910005</v>
      </c>
    </row>
    <row r="90" spans="1:26" ht="18.75">
      <c r="A90" s="336" t="s">
        <v>353</v>
      </c>
      <c r="B90" s="336"/>
      <c r="C90" s="336"/>
      <c r="D90" s="336"/>
      <c r="E90" s="336"/>
      <c r="F90" s="336"/>
      <c r="G90" s="336"/>
      <c r="H90" s="336"/>
      <c r="I90" s="336"/>
      <c r="J90" s="336"/>
      <c r="K90" s="336"/>
      <c r="L90" s="336"/>
      <c r="M90" s="336"/>
      <c r="N90" s="336"/>
      <c r="O90" s="336"/>
      <c r="P90" s="336"/>
      <c r="Q90" s="336"/>
      <c r="R90" s="336"/>
      <c r="S90" s="336"/>
      <c r="T90" s="336"/>
      <c r="U90" s="336"/>
      <c r="V90" s="336"/>
    </row>
    <row r="91" spans="1:26" ht="58.5" customHeight="1">
      <c r="A91" s="393" t="s">
        <v>605</v>
      </c>
      <c r="B91" s="393"/>
      <c r="C91" s="393"/>
      <c r="D91" s="393"/>
      <c r="E91" s="393"/>
      <c r="F91" s="393"/>
      <c r="G91" s="393"/>
      <c r="H91" s="393"/>
      <c r="I91" s="393"/>
      <c r="J91" s="393"/>
      <c r="K91" s="393"/>
      <c r="L91" s="393"/>
      <c r="M91" s="393"/>
      <c r="N91" s="393"/>
      <c r="O91" s="393"/>
      <c r="P91" s="393"/>
      <c r="Q91" s="393"/>
      <c r="R91" s="393"/>
      <c r="S91" s="393"/>
      <c r="T91" s="393"/>
      <c r="U91" s="393"/>
      <c r="V91" s="393"/>
    </row>
    <row r="92" spans="1:26" ht="38.25" customHeight="1">
      <c r="A92" s="59" t="s">
        <v>71</v>
      </c>
      <c r="B92" s="338" t="s">
        <v>290</v>
      </c>
      <c r="C92" s="338"/>
      <c r="D92" s="338"/>
      <c r="E92" s="338"/>
      <c r="F92" s="338"/>
      <c r="G92" s="338"/>
      <c r="H92" s="338"/>
      <c r="I92" s="398" t="s">
        <v>214</v>
      </c>
      <c r="J92" s="399"/>
      <c r="K92" s="399"/>
      <c r="L92" s="399"/>
      <c r="M92" s="399"/>
      <c r="N92" s="399"/>
      <c r="O92" s="400"/>
      <c r="P92" s="390" t="s">
        <v>230</v>
      </c>
      <c r="Q92" s="391"/>
      <c r="R92" s="391"/>
      <c r="S92" s="391"/>
      <c r="T92" s="391"/>
      <c r="U92" s="391"/>
      <c r="V92" s="392"/>
    </row>
    <row r="93" spans="1:26" ht="72">
      <c r="A93" s="32" t="s">
        <v>71</v>
      </c>
      <c r="B93" s="33" t="s">
        <v>72</v>
      </c>
      <c r="C93" s="33" t="s">
        <v>156</v>
      </c>
      <c r="D93" s="84" t="s">
        <v>85</v>
      </c>
      <c r="E93" s="33" t="s">
        <v>157</v>
      </c>
      <c r="F93" s="84" t="s">
        <v>86</v>
      </c>
      <c r="G93" s="33" t="s">
        <v>158</v>
      </c>
      <c r="H93" s="84" t="s">
        <v>87</v>
      </c>
      <c r="I93" s="60" t="s">
        <v>72</v>
      </c>
      <c r="J93" s="60" t="s">
        <v>156</v>
      </c>
      <c r="K93" s="83" t="s">
        <v>85</v>
      </c>
      <c r="L93" s="60" t="s">
        <v>157</v>
      </c>
      <c r="M93" s="83" t="s">
        <v>86</v>
      </c>
      <c r="N93" s="60" t="s">
        <v>158</v>
      </c>
      <c r="O93" s="83" t="s">
        <v>87</v>
      </c>
      <c r="P93" s="33" t="s">
        <v>72</v>
      </c>
      <c r="Q93" s="33" t="s">
        <v>156</v>
      </c>
      <c r="R93" s="84" t="s">
        <v>85</v>
      </c>
      <c r="S93" s="33" t="s">
        <v>157</v>
      </c>
      <c r="T93" s="84" t="s">
        <v>86</v>
      </c>
      <c r="U93" s="33" t="s">
        <v>158</v>
      </c>
      <c r="V93" s="84" t="s">
        <v>87</v>
      </c>
      <c r="Z93" s="261"/>
    </row>
    <row r="94" spans="1:26"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26">
      <c r="A95" s="40" t="s">
        <v>349</v>
      </c>
      <c r="B95" s="151">
        <v>10489</v>
      </c>
      <c r="C95" s="155">
        <v>0.14565470592678445</v>
      </c>
      <c r="D95" s="89">
        <v>6.8901089120470905E-3</v>
      </c>
      <c r="E95" s="155">
        <v>0.11374187917114803</v>
      </c>
      <c r="F95" s="89">
        <v>6.2024792183501959E-3</v>
      </c>
      <c r="G95" s="155">
        <v>0.74060341490207637</v>
      </c>
      <c r="H95" s="89">
        <v>8.5586450335398603E-3</v>
      </c>
      <c r="I95" s="151">
        <v>8312</v>
      </c>
      <c r="J95" s="155">
        <v>0.17744309172835074</v>
      </c>
      <c r="K95" s="89">
        <v>8.3817383862121574E-3</v>
      </c>
      <c r="L95" s="155">
        <v>0.12725743355485764</v>
      </c>
      <c r="M95" s="89">
        <v>7.313386375707615E-3</v>
      </c>
      <c r="N95" s="155">
        <v>0.69529947471679554</v>
      </c>
      <c r="O95" s="89">
        <v>1.0095617870299223E-2</v>
      </c>
      <c r="P95" s="151">
        <v>9626</v>
      </c>
      <c r="Q95" s="155">
        <v>0.11803423183595713</v>
      </c>
      <c r="R95" s="89">
        <v>6.5795974512955092E-3</v>
      </c>
      <c r="S95" s="155">
        <v>9.8303118975524198E-2</v>
      </c>
      <c r="T95" s="89">
        <v>6.0723788117061752E-3</v>
      </c>
      <c r="U95" s="155">
        <v>0.7836626491885258</v>
      </c>
      <c r="V95" s="89">
        <v>8.3933003107519218E-3</v>
      </c>
    </row>
    <row r="96" spans="1:26">
      <c r="A96" s="44" t="s">
        <v>350</v>
      </c>
      <c r="B96" s="152">
        <v>8304</v>
      </c>
      <c r="C96" s="156">
        <v>0.14117205369926639</v>
      </c>
      <c r="D96" s="92">
        <v>7.6441833036109364E-3</v>
      </c>
      <c r="E96" s="156">
        <v>0.10912478663506393</v>
      </c>
      <c r="F96" s="92">
        <v>6.8466823336989779E-3</v>
      </c>
      <c r="G96" s="156">
        <v>0.74970315966567358</v>
      </c>
      <c r="H96" s="92">
        <v>9.5065635720665183E-3</v>
      </c>
      <c r="I96" s="152">
        <v>6561</v>
      </c>
      <c r="J96" s="156">
        <v>0.18181338833319408</v>
      </c>
      <c r="K96" s="92">
        <v>9.5242702048950346E-3</v>
      </c>
      <c r="L96" s="156">
        <v>0.11615278684473487</v>
      </c>
      <c r="M96" s="92">
        <v>7.9158101162414458E-3</v>
      </c>
      <c r="N96" s="156">
        <v>0.70203382482207477</v>
      </c>
      <c r="O96" s="92">
        <v>1.1290852762469328E-2</v>
      </c>
      <c r="P96" s="152">
        <v>7483</v>
      </c>
      <c r="Q96" s="156">
        <v>0.1084955098102466</v>
      </c>
      <c r="R96" s="92">
        <v>7.1946720727196229E-3</v>
      </c>
      <c r="S96" s="156">
        <v>9.3708972906481808E-2</v>
      </c>
      <c r="T96" s="92">
        <v>6.7429649963781906E-3</v>
      </c>
      <c r="U96" s="156">
        <v>0.79779551728327425</v>
      </c>
      <c r="V96" s="92">
        <v>9.2863435419072611E-3</v>
      </c>
    </row>
    <row r="97" spans="1:22">
      <c r="A97" s="40" t="s">
        <v>351</v>
      </c>
      <c r="B97" s="151">
        <v>2185</v>
      </c>
      <c r="C97" s="155">
        <v>0.15051110979782892</v>
      </c>
      <c r="D97" s="89">
        <v>1.5311803847051563E-2</v>
      </c>
      <c r="E97" s="155">
        <v>0.11874393262681573</v>
      </c>
      <c r="F97" s="89">
        <v>1.3863166707576252E-2</v>
      </c>
      <c r="G97" s="155">
        <v>0.73074495757535696</v>
      </c>
      <c r="H97" s="89">
        <v>1.897083291588551E-2</v>
      </c>
      <c r="I97" s="151">
        <v>1751</v>
      </c>
      <c r="J97" s="155">
        <v>0.17304257853131097</v>
      </c>
      <c r="K97" s="89">
        <v>1.809034547158658E-2</v>
      </c>
      <c r="L97" s="155">
        <v>0.13843885871080203</v>
      </c>
      <c r="M97" s="89">
        <v>1.6528919048341806E-2</v>
      </c>
      <c r="N97" s="155">
        <v>0.68851856275788648</v>
      </c>
      <c r="O97" s="89">
        <v>2.2117148296631313E-2</v>
      </c>
      <c r="P97" s="151">
        <v>2143</v>
      </c>
      <c r="Q97" s="155">
        <v>0.12820596607496557</v>
      </c>
      <c r="R97" s="89">
        <v>1.4463469709951262E-2</v>
      </c>
      <c r="S97" s="155">
        <v>0.10320214347204745</v>
      </c>
      <c r="T97" s="89">
        <v>1.317275053546128E-2</v>
      </c>
      <c r="U97" s="155">
        <v>0.76859189045298848</v>
      </c>
      <c r="V97" s="89">
        <v>1.821708124947044E-2</v>
      </c>
    </row>
    <row r="98" spans="1:22">
      <c r="A98" s="44" t="s">
        <v>533</v>
      </c>
      <c r="B98" s="152">
        <v>2564</v>
      </c>
      <c r="C98" s="156">
        <v>0.12499143351410126</v>
      </c>
      <c r="D98" s="92">
        <v>1.3078146261503464E-2</v>
      </c>
      <c r="E98" s="156">
        <v>9.8742208566393333E-2</v>
      </c>
      <c r="F98" s="92">
        <v>1.1806683792195391E-2</v>
      </c>
      <c r="G98" s="156">
        <v>0.77626635791950449</v>
      </c>
      <c r="H98" s="92">
        <v>1.6458883017295232E-2</v>
      </c>
      <c r="I98" s="152">
        <v>1996</v>
      </c>
      <c r="J98" s="156">
        <v>0.15810360367668466</v>
      </c>
      <c r="K98" s="92">
        <v>1.6344660240691616E-2</v>
      </c>
      <c r="L98" s="156">
        <v>0.11813407729786399</v>
      </c>
      <c r="M98" s="92">
        <v>1.4474883082374049E-2</v>
      </c>
      <c r="N98" s="156">
        <v>0.72376231902545585</v>
      </c>
      <c r="O98" s="92">
        <v>2.0006524066299526E-2</v>
      </c>
      <c r="P98" s="152">
        <v>2262</v>
      </c>
      <c r="Q98" s="156">
        <v>9.4915596519949436E-2</v>
      </c>
      <c r="R98" s="92">
        <v>1.2355819009446491E-2</v>
      </c>
      <c r="S98" s="156">
        <v>8.664810373427434E-2</v>
      </c>
      <c r="T98" s="92">
        <v>1.1864406738424454E-2</v>
      </c>
      <c r="U98" s="156">
        <v>0.81843629974577425</v>
      </c>
      <c r="V98" s="92">
        <v>1.6215451458930281E-2</v>
      </c>
    </row>
    <row r="99" spans="1:22">
      <c r="A99" s="40" t="s">
        <v>534</v>
      </c>
      <c r="B99" s="151">
        <v>2154</v>
      </c>
      <c r="C99" s="155">
        <v>0.13849655916386111</v>
      </c>
      <c r="D99" s="89">
        <v>1.4901547735767191E-2</v>
      </c>
      <c r="E99" s="155">
        <v>0.1012838686550802</v>
      </c>
      <c r="F99" s="89">
        <v>1.3031240764077813E-2</v>
      </c>
      <c r="G99" s="155">
        <v>0.76021957218105984</v>
      </c>
      <c r="H99" s="89">
        <v>1.8394128463752303E-2</v>
      </c>
      <c r="I99" s="151">
        <v>1666</v>
      </c>
      <c r="J99" s="155">
        <v>0.15786395104651768</v>
      </c>
      <c r="K99" s="89">
        <v>1.7882048999563666E-2</v>
      </c>
      <c r="L99" s="155">
        <v>0.10343909031476314</v>
      </c>
      <c r="M99" s="89">
        <v>1.4964379796743379E-2</v>
      </c>
      <c r="N99" s="155">
        <v>0.73869695863872198</v>
      </c>
      <c r="O99" s="89">
        <v>2.1517093893935205E-2</v>
      </c>
      <c r="P99" s="151">
        <v>1860</v>
      </c>
      <c r="Q99" s="155">
        <v>9.8890907087185453E-2</v>
      </c>
      <c r="R99" s="89">
        <v>1.3881879325116718E-2</v>
      </c>
      <c r="S99" s="155">
        <v>7.5921365700636526E-2</v>
      </c>
      <c r="T99" s="89">
        <v>1.2337209566557482E-2</v>
      </c>
      <c r="U99" s="155">
        <v>0.82518772721217848</v>
      </c>
      <c r="V99" s="89">
        <v>1.7621820331760185E-2</v>
      </c>
    </row>
    <row r="100" spans="1:22">
      <c r="A100" s="44" t="s">
        <v>535</v>
      </c>
      <c r="B100" s="152">
        <v>418</v>
      </c>
      <c r="C100" s="156">
        <v>0.13449889064513956</v>
      </c>
      <c r="D100" s="92">
        <v>3.3575192334310278E-2</v>
      </c>
      <c r="E100" s="156">
        <v>9.2234900632333972E-2</v>
      </c>
      <c r="F100" s="92">
        <v>2.8694297849613203E-2</v>
      </c>
      <c r="G100" s="156">
        <v>0.77326620872252771</v>
      </c>
      <c r="H100" s="92">
        <v>4.0929311257329209E-2</v>
      </c>
      <c r="I100" s="152">
        <v>312</v>
      </c>
      <c r="J100" s="156">
        <v>0.15663116351374476</v>
      </c>
      <c r="K100" s="92">
        <v>4.1348138393064025E-2</v>
      </c>
      <c r="L100" s="156">
        <v>9.3367759992335847E-2</v>
      </c>
      <c r="M100" s="92">
        <v>3.3528713863688261E-2</v>
      </c>
      <c r="N100" s="156">
        <v>0.75000107649392012</v>
      </c>
      <c r="O100" s="92">
        <v>4.8921499939798753E-2</v>
      </c>
      <c r="P100" s="152">
        <v>366</v>
      </c>
      <c r="Q100" s="156">
        <v>0.10001233374340689</v>
      </c>
      <c r="R100" s="92">
        <v>3.178481948339118E-2</v>
      </c>
      <c r="S100" s="156">
        <v>7.2304614564475511E-2</v>
      </c>
      <c r="T100" s="92">
        <v>2.770703445934089E-2</v>
      </c>
      <c r="U100" s="156">
        <v>0.82768305169211898</v>
      </c>
      <c r="V100" s="92">
        <v>3.9583359235755754E-2</v>
      </c>
    </row>
    <row r="101" spans="1:22">
      <c r="A101" s="40" t="s">
        <v>536</v>
      </c>
      <c r="B101" s="151">
        <v>80</v>
      </c>
      <c r="C101" s="155">
        <v>8.7128763328899753E-2</v>
      </c>
      <c r="D101" s="89">
        <v>6.7395543216327569E-2</v>
      </c>
      <c r="E101" s="155">
        <v>0.12629657962246865</v>
      </c>
      <c r="F101" s="89">
        <v>7.6634407826617679E-2</v>
      </c>
      <c r="G101" s="155">
        <v>0.78657465704863216</v>
      </c>
      <c r="H101" s="89">
        <v>9.1420059585229113E-2</v>
      </c>
      <c r="I101" s="151">
        <v>62</v>
      </c>
      <c r="J101" s="155">
        <v>0.18402068718156056</v>
      </c>
      <c r="K101" s="89">
        <v>9.9053861755719327E-2</v>
      </c>
      <c r="L101" s="155">
        <v>7.0352692552624357E-2</v>
      </c>
      <c r="M101" s="89">
        <v>7.2655484444672638E-2</v>
      </c>
      <c r="N101" s="155">
        <v>0.74562662026581505</v>
      </c>
      <c r="O101" s="89">
        <v>0.10920067135074892</v>
      </c>
      <c r="P101" s="151">
        <v>67</v>
      </c>
      <c r="Q101" s="155">
        <v>9.3048200615555493E-2</v>
      </c>
      <c r="R101" s="89">
        <v>7.6000314090753085E-2</v>
      </c>
      <c r="S101" s="155">
        <v>2.4637454986111074E-2</v>
      </c>
      <c r="T101" s="89">
        <v>5.2420073088949769E-2</v>
      </c>
      <c r="U101" s="155">
        <v>0.88231434439833367</v>
      </c>
      <c r="V101" s="89">
        <v>8.2168165851509295E-2</v>
      </c>
    </row>
    <row r="102" spans="1:22">
      <c r="A102" s="44" t="s">
        <v>537</v>
      </c>
      <c r="B102" s="152">
        <v>115</v>
      </c>
      <c r="C102" s="156">
        <v>0.14690324551471501</v>
      </c>
      <c r="D102" s="92">
        <v>6.7003946211064924E-2</v>
      </c>
      <c r="E102" s="156">
        <v>9.5718438787132654E-2</v>
      </c>
      <c r="F102" s="92">
        <v>5.7206556020760919E-2</v>
      </c>
      <c r="G102" s="156">
        <v>0.75737831569815184</v>
      </c>
      <c r="H102" s="92">
        <v>7.9522716474746763E-2</v>
      </c>
      <c r="I102" s="152">
        <v>88</v>
      </c>
      <c r="J102" s="156">
        <v>8.4324043076737978E-2</v>
      </c>
      <c r="K102" s="92">
        <v>6.3215223618451194E-2</v>
      </c>
      <c r="L102" s="156">
        <v>0.12285343930611826</v>
      </c>
      <c r="M102" s="92">
        <v>7.2189437560015224E-2</v>
      </c>
      <c r="N102" s="156">
        <v>0.79282251761714395</v>
      </c>
      <c r="O102" s="92">
        <v>8.6363482008810874E-2</v>
      </c>
      <c r="P102" s="152">
        <v>94</v>
      </c>
      <c r="Q102" s="156">
        <v>5.4036991498220457E-2</v>
      </c>
      <c r="R102" s="92">
        <v>5.2302498778178524E-2</v>
      </c>
      <c r="S102" s="156">
        <v>0.12260307468812909</v>
      </c>
      <c r="T102" s="92">
        <v>6.968181042970184E-2</v>
      </c>
      <c r="U102" s="156">
        <v>0.82335993381365014</v>
      </c>
      <c r="V102" s="92">
        <v>7.9230946595463467E-2</v>
      </c>
    </row>
    <row r="103" spans="1:22">
      <c r="A103" s="40" t="s">
        <v>538</v>
      </c>
      <c r="B103" s="151">
        <v>97</v>
      </c>
      <c r="C103" s="155">
        <v>0.1824225514250431</v>
      </c>
      <c r="D103" s="89">
        <v>7.8846868615369048E-2</v>
      </c>
      <c r="E103" s="155">
        <v>4.1397902198529186E-2</v>
      </c>
      <c r="F103" s="89">
        <v>4.7099189563697061E-2</v>
      </c>
      <c r="G103" s="155">
        <v>0.77617954637642739</v>
      </c>
      <c r="H103" s="89">
        <v>8.4348832034024768E-2</v>
      </c>
      <c r="I103" s="151">
        <v>79</v>
      </c>
      <c r="J103" s="155">
        <v>0.14308803032774445</v>
      </c>
      <c r="K103" s="89">
        <v>8.053919784662851E-2</v>
      </c>
      <c r="L103" s="155">
        <v>0.10798090452721644</v>
      </c>
      <c r="M103" s="89">
        <v>7.3065916336022621E-2</v>
      </c>
      <c r="N103" s="155">
        <v>0.74893106514503893</v>
      </c>
      <c r="O103" s="89">
        <v>9.6657910280719073E-2</v>
      </c>
      <c r="P103" s="151">
        <v>85</v>
      </c>
      <c r="Q103" s="155">
        <v>8.5713383079946845E-2</v>
      </c>
      <c r="R103" s="89">
        <v>6.4806585220304636E-2</v>
      </c>
      <c r="S103" s="155">
        <v>3.9300022036428295E-2</v>
      </c>
      <c r="T103" s="89">
        <v>5.0349324581314921E-2</v>
      </c>
      <c r="U103" s="155">
        <v>0.87498659488362474</v>
      </c>
      <c r="V103" s="89">
        <v>7.3969494064503274E-2</v>
      </c>
    </row>
    <row r="104" spans="1:22">
      <c r="A104" s="44" t="s">
        <v>539</v>
      </c>
      <c r="B104" s="152">
        <v>126</v>
      </c>
      <c r="C104" s="156">
        <v>0.12347986545438765</v>
      </c>
      <c r="D104" s="92">
        <v>5.9954474787069917E-2</v>
      </c>
      <c r="E104" s="156">
        <v>0.1014297202929029</v>
      </c>
      <c r="F104" s="92">
        <v>5.568240356804418E-2</v>
      </c>
      <c r="G104" s="156">
        <v>0.77509041425270919</v>
      </c>
      <c r="H104" s="92">
        <v>7.4195277912650209E-2</v>
      </c>
      <c r="I104" s="152">
        <v>83</v>
      </c>
      <c r="J104" s="156">
        <v>0.19395741734401009</v>
      </c>
      <c r="K104" s="92">
        <v>8.7033498678702748E-2</v>
      </c>
      <c r="L104" s="156">
        <v>7.8277423499250695E-2</v>
      </c>
      <c r="M104" s="92">
        <v>6.3654285642864974E-2</v>
      </c>
      <c r="N104" s="156">
        <v>0.72776515915673878</v>
      </c>
      <c r="O104" s="92">
        <v>9.6557687166448858E-2</v>
      </c>
      <c r="P104" s="152">
        <v>120</v>
      </c>
      <c r="Q104" s="156">
        <v>0.13626523446075292</v>
      </c>
      <c r="R104" s="92">
        <v>6.3777593458995988E-2</v>
      </c>
      <c r="S104" s="156">
        <v>8.1526398350450377E-2</v>
      </c>
      <c r="T104" s="92">
        <v>5.2669294552340033E-2</v>
      </c>
      <c r="U104" s="156">
        <v>0.78220836718879649</v>
      </c>
      <c r="V104" s="92">
        <v>7.5223050940712632E-2</v>
      </c>
    </row>
    <row r="105" spans="1:22">
      <c r="A105" s="40" t="s">
        <v>540</v>
      </c>
      <c r="B105" s="151">
        <v>303</v>
      </c>
      <c r="C105" s="155">
        <v>0.14252238105589332</v>
      </c>
      <c r="D105" s="89">
        <v>4.0440263892032501E-2</v>
      </c>
      <c r="E105" s="155">
        <v>6.8940934225372577E-2</v>
      </c>
      <c r="F105" s="89">
        <v>2.9983392187748335E-2</v>
      </c>
      <c r="G105" s="155">
        <v>0.78853668471873295</v>
      </c>
      <c r="H105" s="89">
        <v>4.6911368145343663E-2</v>
      </c>
      <c r="I105" s="151">
        <v>234</v>
      </c>
      <c r="J105" s="155">
        <v>0.18529513504133582</v>
      </c>
      <c r="K105" s="89">
        <v>5.0917946830684915E-2</v>
      </c>
      <c r="L105" s="155">
        <v>0.10768543515521704</v>
      </c>
      <c r="M105" s="89">
        <v>4.1245173322404384E-2</v>
      </c>
      <c r="N105" s="155">
        <v>0.70701942980344734</v>
      </c>
      <c r="O105" s="89">
        <v>5.9206436021269529E-2</v>
      </c>
      <c r="P105" s="151">
        <v>274</v>
      </c>
      <c r="Q105" s="155">
        <v>8.6662193009597085E-2</v>
      </c>
      <c r="R105" s="89">
        <v>3.4772224955682045E-2</v>
      </c>
      <c r="S105" s="155">
        <v>8.7735056084201693E-2</v>
      </c>
      <c r="T105" s="89">
        <v>3.4949796017477837E-2</v>
      </c>
      <c r="U105" s="155">
        <v>0.82560275090620039</v>
      </c>
      <c r="V105" s="89">
        <v>4.5992140913752103E-2</v>
      </c>
    </row>
    <row r="106" spans="1:22">
      <c r="A106" s="44" t="s">
        <v>541</v>
      </c>
      <c r="B106" s="152">
        <v>100</v>
      </c>
      <c r="C106" s="156">
        <v>0.12762678140010011</v>
      </c>
      <c r="D106" s="92">
        <v>6.8444069929758683E-2</v>
      </c>
      <c r="E106" s="156">
        <v>1.5961789960786617E-2</v>
      </c>
      <c r="F106" s="92">
        <v>3.5832388421024014E-2</v>
      </c>
      <c r="G106" s="156">
        <v>0.85641142863911368</v>
      </c>
      <c r="H106" s="92">
        <v>7.14020174203472E-2</v>
      </c>
      <c r="I106" s="152">
        <v>82</v>
      </c>
      <c r="J106" s="156">
        <v>0.17848155031308235</v>
      </c>
      <c r="K106" s="92">
        <v>8.5186102872339658E-2</v>
      </c>
      <c r="L106" s="156">
        <v>0.1246374557538938</v>
      </c>
      <c r="M106" s="92">
        <v>7.5299357521883797E-2</v>
      </c>
      <c r="N106" s="156">
        <v>0.69688099393302383</v>
      </c>
      <c r="O106" s="92">
        <v>9.9944123468288598E-2</v>
      </c>
      <c r="P106" s="152">
        <v>88</v>
      </c>
      <c r="Q106" s="156">
        <v>0.11387968310631141</v>
      </c>
      <c r="R106" s="92">
        <v>7.0276943281813734E-2</v>
      </c>
      <c r="S106" s="156">
        <v>8.6949867255477556E-2</v>
      </c>
      <c r="T106" s="92">
        <v>6.3896234119432974E-2</v>
      </c>
      <c r="U106" s="156">
        <v>0.79917044963821127</v>
      </c>
      <c r="V106" s="92">
        <v>8.5493634452511374E-2</v>
      </c>
    </row>
    <row r="107" spans="1:22">
      <c r="A107" s="40" t="s">
        <v>542</v>
      </c>
      <c r="B107" s="151">
        <v>82</v>
      </c>
      <c r="C107" s="155">
        <v>9.819121643917933E-2</v>
      </c>
      <c r="D107" s="89">
        <v>6.9288430979980525E-2</v>
      </c>
      <c r="E107" s="155">
        <v>7.9053128030038111E-2</v>
      </c>
      <c r="F107" s="89">
        <v>6.4304425167009488E-2</v>
      </c>
      <c r="G107" s="155">
        <v>0.82275565553078334</v>
      </c>
      <c r="H107" s="89">
        <v>8.4988036193522132E-2</v>
      </c>
      <c r="I107" s="151">
        <v>60</v>
      </c>
      <c r="J107" s="155">
        <v>5.0310683643961795E-2</v>
      </c>
      <c r="K107" s="89">
        <v>6.72063776530787E-2</v>
      </c>
      <c r="L107" s="155">
        <v>0.10582292521428005</v>
      </c>
      <c r="M107" s="89">
        <v>8.4201931277359282E-2</v>
      </c>
      <c r="N107" s="155">
        <v>0.8438663911417581</v>
      </c>
      <c r="O107" s="89">
        <v>9.5549243167078912E-2</v>
      </c>
      <c r="P107" s="151">
        <v>76</v>
      </c>
      <c r="Q107" s="155">
        <v>1.204973559943253E-2</v>
      </c>
      <c r="R107" s="89">
        <v>4.1903965726976966E-2</v>
      </c>
      <c r="S107" s="155">
        <v>8.4986538094955086E-2</v>
      </c>
      <c r="T107" s="89">
        <v>6.8759309682371317E-2</v>
      </c>
      <c r="U107" s="155">
        <v>0.90296372630561283</v>
      </c>
      <c r="V107" s="89">
        <v>7.1920880953277547E-2</v>
      </c>
    </row>
    <row r="108" spans="1:22">
      <c r="A108" s="44" t="s">
        <v>543</v>
      </c>
      <c r="B108" s="152">
        <v>71</v>
      </c>
      <c r="C108" s="156">
        <v>0.25309386238170911</v>
      </c>
      <c r="D108" s="92">
        <v>0.10207621624286889</v>
      </c>
      <c r="E108" s="156">
        <v>0.12908523487767312</v>
      </c>
      <c r="F108" s="92">
        <v>8.2204903696650414E-2</v>
      </c>
      <c r="G108" s="156">
        <v>0.61782090274061818</v>
      </c>
      <c r="H108" s="92">
        <v>0.11256037682495144</v>
      </c>
      <c r="I108" s="152">
        <v>52</v>
      </c>
      <c r="J108" s="156">
        <v>0.40148272961723513</v>
      </c>
      <c r="K108" s="92">
        <v>0.13137496787973249</v>
      </c>
      <c r="L108" s="156">
        <v>0.11771158916746877</v>
      </c>
      <c r="M108" s="92">
        <v>9.4107731457304791E-2</v>
      </c>
      <c r="N108" s="156">
        <v>0.4808056812152956</v>
      </c>
      <c r="O108" s="92">
        <v>0.13354569312175626</v>
      </c>
      <c r="P108" s="152">
        <v>67</v>
      </c>
      <c r="Q108" s="156">
        <v>0.15334273643238835</v>
      </c>
      <c r="R108" s="92">
        <v>8.9753259493091639E-2</v>
      </c>
      <c r="S108" s="156">
        <v>0.11332049175847134</v>
      </c>
      <c r="T108" s="92">
        <v>8.1136929455400936E-2</v>
      </c>
      <c r="U108" s="156">
        <v>0.7333367718091407</v>
      </c>
      <c r="V108" s="92">
        <v>0.10655049895852971</v>
      </c>
    </row>
    <row r="109" spans="1:22">
      <c r="A109" s="52" t="s">
        <v>544</v>
      </c>
      <c r="B109" s="151">
        <v>50</v>
      </c>
      <c r="C109" s="155">
        <v>6.541588888009113E-2</v>
      </c>
      <c r="D109" s="89">
        <v>8.0774087623131374E-2</v>
      </c>
      <c r="E109" s="155">
        <v>4.6545667883322518E-2</v>
      </c>
      <c r="F109" s="89">
        <v>7.3893456358712292E-2</v>
      </c>
      <c r="G109" s="155">
        <v>0.88803844323658654</v>
      </c>
      <c r="H109" s="89">
        <v>9.4636617797199313E-2</v>
      </c>
      <c r="I109" s="151">
        <v>40</v>
      </c>
      <c r="J109" s="155">
        <v>9.5730755713887811E-2</v>
      </c>
      <c r="K109" s="89">
        <v>0.10221674431940632</v>
      </c>
      <c r="L109" s="155">
        <v>4.5803076154324981E-2</v>
      </c>
      <c r="M109" s="89">
        <v>8.5017854830938613E-2</v>
      </c>
      <c r="N109" s="155">
        <v>0.85846616813178722</v>
      </c>
      <c r="O109" s="89">
        <v>0.11433734417216931</v>
      </c>
      <c r="P109" s="151">
        <v>43</v>
      </c>
      <c r="Q109" s="155">
        <v>6.6450934905048151E-2</v>
      </c>
      <c r="R109" s="89">
        <v>8.8806635829403097E-2</v>
      </c>
      <c r="S109" s="155">
        <v>4.1228926455440913E-2</v>
      </c>
      <c r="T109" s="89">
        <v>7.92676450640281E-2</v>
      </c>
      <c r="U109" s="155">
        <v>0.89232013863951076</v>
      </c>
      <c r="V109" s="89">
        <v>0.10154902405392487</v>
      </c>
    </row>
    <row r="110" spans="1:22">
      <c r="A110" s="44" t="s">
        <v>545</v>
      </c>
      <c r="B110" s="152">
        <v>531</v>
      </c>
      <c r="C110" s="156">
        <v>0.13287202145510182</v>
      </c>
      <c r="D110" s="92">
        <v>2.9604869391410632E-2</v>
      </c>
      <c r="E110" s="156">
        <v>0.10867251289303491</v>
      </c>
      <c r="F110" s="92">
        <v>2.7226174808477766E-2</v>
      </c>
      <c r="G110" s="156">
        <v>0.75845546565186939</v>
      </c>
      <c r="H110" s="92">
        <v>3.7110182510674716E-2</v>
      </c>
      <c r="I110" s="152">
        <v>412</v>
      </c>
      <c r="J110" s="156">
        <v>0.17673701560789312</v>
      </c>
      <c r="K110" s="92">
        <v>3.7660040128038801E-2</v>
      </c>
      <c r="L110" s="156">
        <v>0.10863545648063713</v>
      </c>
      <c r="M110" s="92">
        <v>3.0972248272760367E-2</v>
      </c>
      <c r="N110" s="156">
        <v>0.714627527911469</v>
      </c>
      <c r="O110" s="92">
        <v>4.4377817376941991E-2</v>
      </c>
      <c r="P110" s="152">
        <v>458</v>
      </c>
      <c r="Q110" s="156">
        <v>0.10669961954802019</v>
      </c>
      <c r="R110" s="92">
        <v>2.9126050400478418E-2</v>
      </c>
      <c r="S110" s="156">
        <v>7.7730640007659058E-2</v>
      </c>
      <c r="T110" s="92">
        <v>2.5442042563820037E-2</v>
      </c>
      <c r="U110" s="156">
        <v>0.81556974044432584</v>
      </c>
      <c r="V110" s="92">
        <v>3.6292782099718215E-2</v>
      </c>
    </row>
    <row r="111" spans="1:22">
      <c r="A111" s="52" t="s">
        <v>546</v>
      </c>
      <c r="B111" s="151">
        <v>56</v>
      </c>
      <c r="C111" s="155">
        <v>0.15056705174979576</v>
      </c>
      <c r="D111" s="89">
        <v>9.7855125684521163E-2</v>
      </c>
      <c r="E111" s="155">
        <v>0.20070527787123604</v>
      </c>
      <c r="F111" s="89">
        <v>0.10707262081679751</v>
      </c>
      <c r="G111" s="155">
        <v>0.64872767037896817</v>
      </c>
      <c r="H111" s="89">
        <v>0.12402448467044803</v>
      </c>
      <c r="I111" s="151">
        <v>42</v>
      </c>
      <c r="J111" s="155">
        <v>0.16469178448158345</v>
      </c>
      <c r="K111" s="89">
        <v>0.11657114932082954</v>
      </c>
      <c r="L111" s="155">
        <v>7.7501586842383216E-2</v>
      </c>
      <c r="M111" s="89">
        <v>9.3803527019143074E-2</v>
      </c>
      <c r="N111" s="155">
        <v>0.75780662867603266</v>
      </c>
      <c r="O111" s="89">
        <v>0.13008097086683448</v>
      </c>
      <c r="P111" s="151">
        <v>48</v>
      </c>
      <c r="Q111" s="155">
        <v>0.15225016084064921</v>
      </c>
      <c r="R111" s="89">
        <v>0.10632283759186566</v>
      </c>
      <c r="S111" s="155">
        <v>6.9974905219385208E-2</v>
      </c>
      <c r="T111" s="89">
        <v>8.4322495168736217E-2</v>
      </c>
      <c r="U111" s="155">
        <v>0.77777493393996566</v>
      </c>
      <c r="V111" s="89">
        <v>0.11905238879009059</v>
      </c>
    </row>
    <row r="112" spans="1:22">
      <c r="A112" s="44" t="s">
        <v>547</v>
      </c>
      <c r="B112" s="152">
        <v>129</v>
      </c>
      <c r="C112" s="156">
        <v>9.5516787824248994E-2</v>
      </c>
      <c r="D112" s="92">
        <v>5.3756999532600193E-2</v>
      </c>
      <c r="E112" s="156">
        <v>0.12083252405615338</v>
      </c>
      <c r="F112" s="92">
        <v>5.8746219165396414E-2</v>
      </c>
      <c r="G112" s="156">
        <v>0.7836506881195977</v>
      </c>
      <c r="H112" s="92">
        <v>7.2404268856444659E-2</v>
      </c>
      <c r="I112" s="152">
        <v>112</v>
      </c>
      <c r="J112" s="156">
        <v>0.1048867854797826</v>
      </c>
      <c r="K112" s="92">
        <v>6.0019086651392516E-2</v>
      </c>
      <c r="L112" s="156">
        <v>0.11983486968990185</v>
      </c>
      <c r="M112" s="92">
        <v>6.3046206852816991E-2</v>
      </c>
      <c r="N112" s="156">
        <v>0.7752783448303171</v>
      </c>
      <c r="O112" s="92">
        <v>7.8643194353009538E-2</v>
      </c>
      <c r="P112" s="152">
        <v>93</v>
      </c>
      <c r="Q112" s="156">
        <v>0.17741817503218432</v>
      </c>
      <c r="R112" s="92">
        <v>7.9779645549689998E-2</v>
      </c>
      <c r="S112" s="156">
        <v>5.0995929104831521E-2</v>
      </c>
      <c r="T112" s="92">
        <v>5.1644983108354088E-2</v>
      </c>
      <c r="U112" s="156">
        <v>0.77158589586298421</v>
      </c>
      <c r="V112" s="92">
        <v>8.6679616825869985E-2</v>
      </c>
    </row>
    <row r="113" spans="1:22">
      <c r="A113" s="52" t="s">
        <v>548</v>
      </c>
      <c r="B113" s="151">
        <v>137</v>
      </c>
      <c r="C113" s="155">
        <v>0.1548278325096403</v>
      </c>
      <c r="D113" s="89">
        <v>6.2460250634999381E-2</v>
      </c>
      <c r="E113" s="155">
        <v>6.0804021680974617E-2</v>
      </c>
      <c r="F113" s="89">
        <v>4.3887652912503849E-2</v>
      </c>
      <c r="G113" s="155">
        <v>0.78436814580938519</v>
      </c>
      <c r="H113" s="89">
        <v>7.0188758084177572E-2</v>
      </c>
      <c r="I113" s="151">
        <v>96</v>
      </c>
      <c r="J113" s="155">
        <v>0.18252436531924843</v>
      </c>
      <c r="K113" s="89">
        <v>7.9274515054346226E-2</v>
      </c>
      <c r="L113" s="155">
        <v>0.14840295997200859</v>
      </c>
      <c r="M113" s="89">
        <v>7.3775705205000999E-2</v>
      </c>
      <c r="N113" s="155">
        <v>0.66907267470874277</v>
      </c>
      <c r="O113" s="89">
        <v>9.4584467922075255E-2</v>
      </c>
      <c r="P113" s="151">
        <v>129</v>
      </c>
      <c r="Q113" s="155">
        <v>7.2976836915505619E-2</v>
      </c>
      <c r="R113" s="89">
        <v>4.8575072788889624E-2</v>
      </c>
      <c r="S113" s="155">
        <v>6.037545851158032E-2</v>
      </c>
      <c r="T113" s="89">
        <v>4.5282968013717187E-2</v>
      </c>
      <c r="U113" s="155">
        <v>0.86664770457291396</v>
      </c>
      <c r="V113" s="89">
        <v>6.0953307288397991E-2</v>
      </c>
    </row>
    <row r="114" spans="1:22">
      <c r="A114" s="44" t="s">
        <v>549</v>
      </c>
      <c r="B114" s="152">
        <v>60</v>
      </c>
      <c r="C114" s="156">
        <v>0.15313923444930319</v>
      </c>
      <c r="D114" s="92">
        <v>9.495284615280726E-2</v>
      </c>
      <c r="E114" s="156">
        <v>0.29142996041805197</v>
      </c>
      <c r="F114" s="92">
        <v>0.11504517962564451</v>
      </c>
      <c r="G114" s="156">
        <v>0.55543080513264398</v>
      </c>
      <c r="H114" s="92">
        <v>0.1243230407469916</v>
      </c>
      <c r="I114" s="152">
        <v>48</v>
      </c>
      <c r="J114" s="156">
        <v>0.35011628509063053</v>
      </c>
      <c r="K114" s="92">
        <v>0.13326033393070941</v>
      </c>
      <c r="L114" s="156">
        <v>0.12919810486200439</v>
      </c>
      <c r="M114" s="92">
        <v>0.10108842678797612</v>
      </c>
      <c r="N114" s="156">
        <v>0.52068561004736569</v>
      </c>
      <c r="O114" s="92">
        <v>0.13857389129559897</v>
      </c>
      <c r="P114" s="152">
        <v>49</v>
      </c>
      <c r="Q114" s="156">
        <v>0.12604609095471081</v>
      </c>
      <c r="R114" s="92">
        <v>9.9231041493252473E-2</v>
      </c>
      <c r="S114" s="156">
        <v>0.16086157464020023</v>
      </c>
      <c r="T114" s="92">
        <v>0.10699699931807977</v>
      </c>
      <c r="U114" s="156">
        <v>0.71309233440508857</v>
      </c>
      <c r="V114" s="92">
        <v>0.1262483630792417</v>
      </c>
    </row>
    <row r="115" spans="1:22">
      <c r="A115" s="52" t="s">
        <v>550</v>
      </c>
      <c r="B115" s="151">
        <v>92</v>
      </c>
      <c r="C115" s="155">
        <v>0.11721212995928465</v>
      </c>
      <c r="D115" s="89">
        <v>6.9351041296266028E-2</v>
      </c>
      <c r="E115" s="155">
        <v>7.1850632459231789E-2</v>
      </c>
      <c r="F115" s="89">
        <v>5.832590167837693E-2</v>
      </c>
      <c r="G115" s="155">
        <v>0.81093723758148284</v>
      </c>
      <c r="H115" s="89">
        <v>8.1957055351799063E-2</v>
      </c>
      <c r="I115" s="151">
        <v>73</v>
      </c>
      <c r="J115" s="155">
        <v>0.16841503497587909</v>
      </c>
      <c r="K115" s="89">
        <v>8.861940619624363E-2</v>
      </c>
      <c r="L115" s="155">
        <v>7.3854476858363827E-2</v>
      </c>
      <c r="M115" s="89">
        <v>6.7141045759032403E-2</v>
      </c>
      <c r="N115" s="155">
        <v>0.75773048816575694</v>
      </c>
      <c r="O115" s="89">
        <v>9.9426156144160671E-2</v>
      </c>
      <c r="P115" s="151">
        <v>87</v>
      </c>
      <c r="Q115" s="155">
        <v>8.8409116525540787E-2</v>
      </c>
      <c r="R115" s="89">
        <v>6.4674520854569206E-2</v>
      </c>
      <c r="S115" s="155">
        <v>9.6820825861687179E-2</v>
      </c>
      <c r="T115" s="89">
        <v>6.6769372266756E-2</v>
      </c>
      <c r="U115" s="155">
        <v>0.81477005761277155</v>
      </c>
      <c r="V115" s="89">
        <v>8.3715562629142509E-2</v>
      </c>
    </row>
    <row r="116" spans="1:22">
      <c r="A116" s="44" t="s">
        <v>551</v>
      </c>
      <c r="B116" s="152">
        <v>57</v>
      </c>
      <c r="C116" s="156">
        <v>0.13446849511072012</v>
      </c>
      <c r="D116" s="92">
        <v>9.3505587052079786E-2</v>
      </c>
      <c r="E116" s="156">
        <v>0.10463153664168436</v>
      </c>
      <c r="F116" s="92">
        <v>8.627524354291799E-2</v>
      </c>
      <c r="G116" s="156">
        <v>0.7608999682475952</v>
      </c>
      <c r="H116" s="92">
        <v>0.11178596971140481</v>
      </c>
      <c r="I116" s="152">
        <v>41</v>
      </c>
      <c r="J116" s="156">
        <v>0.21141850368334103</v>
      </c>
      <c r="K116" s="92">
        <v>0.12679569435165292</v>
      </c>
      <c r="L116" s="156">
        <v>8.4170969173392826E-2</v>
      </c>
      <c r="M116" s="92">
        <v>9.7278620618188164E-2</v>
      </c>
      <c r="N116" s="156">
        <v>0.70441052714326602</v>
      </c>
      <c r="O116" s="92">
        <v>0.13834398376003409</v>
      </c>
      <c r="P116" s="152">
        <v>52</v>
      </c>
      <c r="Q116" s="156">
        <v>9.155363528803738E-2</v>
      </c>
      <c r="R116" s="92">
        <v>8.7076745683518475E-2</v>
      </c>
      <c r="S116" s="156">
        <v>7.4023242072415979E-2</v>
      </c>
      <c r="T116" s="92">
        <v>8.1740145241535E-2</v>
      </c>
      <c r="U116" s="156">
        <v>0.83442312263954632</v>
      </c>
      <c r="V116" s="92">
        <v>0.10473352028156016</v>
      </c>
    </row>
    <row r="119" spans="1:22" ht="18.75">
      <c r="A119" s="336" t="s">
        <v>4</v>
      </c>
      <c r="B119" s="336"/>
      <c r="C119" s="336"/>
      <c r="D119" s="336"/>
    </row>
    <row r="120" spans="1:22" ht="141.75" customHeight="1">
      <c r="A120" s="372" t="s">
        <v>381</v>
      </c>
      <c r="B120" s="371"/>
      <c r="C120" s="371"/>
      <c r="D120" s="371"/>
    </row>
    <row r="121" spans="1:22" ht="41.25" customHeight="1">
      <c r="A121" s="373" t="s">
        <v>382</v>
      </c>
      <c r="B121" s="374"/>
      <c r="C121" s="374"/>
      <c r="D121" s="374"/>
    </row>
    <row r="122" spans="1:22" ht="72">
      <c r="A122" s="32" t="s">
        <v>71</v>
      </c>
      <c r="B122" s="33" t="s">
        <v>72</v>
      </c>
      <c r="C122" s="34" t="s">
        <v>589</v>
      </c>
      <c r="D122" s="35" t="s">
        <v>73</v>
      </c>
    </row>
    <row r="123" spans="1:22" ht="108">
      <c r="A123" s="36"/>
      <c r="B123" s="37" t="s">
        <v>74</v>
      </c>
      <c r="C123" s="38" t="s">
        <v>383</v>
      </c>
      <c r="D123" s="39" t="s">
        <v>76</v>
      </c>
    </row>
    <row r="124" spans="1:22">
      <c r="A124" s="40" t="s">
        <v>349</v>
      </c>
      <c r="B124" s="78">
        <v>12672</v>
      </c>
      <c r="C124" s="79">
        <v>4.3322968797313424</v>
      </c>
      <c r="D124" s="80">
        <v>2.3528368041419931E-2</v>
      </c>
    </row>
    <row r="125" spans="1:22">
      <c r="A125" s="44" t="s">
        <v>350</v>
      </c>
      <c r="B125" s="114">
        <v>9414</v>
      </c>
      <c r="C125" s="115">
        <v>4.3457102995732457</v>
      </c>
      <c r="D125" s="116">
        <v>2.7090466565666174E-2</v>
      </c>
    </row>
    <row r="126" spans="1:22">
      <c r="A126" s="40" t="s">
        <v>351</v>
      </c>
      <c r="B126" s="78">
        <v>3258</v>
      </c>
      <c r="C126" s="79">
        <v>4.3211313247473422</v>
      </c>
      <c r="D126" s="80">
        <v>4.7156791440410843E-2</v>
      </c>
    </row>
    <row r="127" spans="1:22">
      <c r="A127" s="44" t="s">
        <v>533</v>
      </c>
      <c r="B127" s="114">
        <v>2959</v>
      </c>
      <c r="C127" s="115">
        <v>4.4636886176655182</v>
      </c>
      <c r="D127" s="116">
        <v>4.7510928384915704E-2</v>
      </c>
    </row>
    <row r="128" spans="1:22">
      <c r="A128" s="40" t="s">
        <v>534</v>
      </c>
      <c r="B128" s="78">
        <v>2351</v>
      </c>
      <c r="C128" s="79">
        <v>4.5446740074453409</v>
      </c>
      <c r="D128" s="80">
        <v>5.2480798420307319E-2</v>
      </c>
    </row>
    <row r="129" spans="1:4">
      <c r="A129" s="44" t="s">
        <v>535</v>
      </c>
      <c r="B129" s="114">
        <v>455</v>
      </c>
      <c r="C129" s="115">
        <v>4.5609445785886074</v>
      </c>
      <c r="D129" s="116">
        <v>0.11780147926860543</v>
      </c>
    </row>
    <row r="130" spans="1:4">
      <c r="A130" s="40" t="s">
        <v>536</v>
      </c>
      <c r="B130" s="78">
        <v>81</v>
      </c>
      <c r="C130" s="79">
        <v>4.7778388541736492</v>
      </c>
      <c r="D130" s="80">
        <v>0.24890104136998248</v>
      </c>
    </row>
    <row r="131" spans="1:4">
      <c r="A131" s="44" t="s">
        <v>537</v>
      </c>
      <c r="B131" s="114">
        <v>133</v>
      </c>
      <c r="C131" s="115">
        <v>4.6385688171640105</v>
      </c>
      <c r="D131" s="116">
        <v>0.21411345424797731</v>
      </c>
    </row>
    <row r="132" spans="1:4">
      <c r="A132" s="40" t="s">
        <v>538</v>
      </c>
      <c r="B132" s="78">
        <v>102</v>
      </c>
      <c r="C132" s="79">
        <v>4.5662197080429943</v>
      </c>
      <c r="D132" s="80">
        <v>0.23410230311605632</v>
      </c>
    </row>
    <row r="133" spans="1:4">
      <c r="A133" s="44" t="s">
        <v>539</v>
      </c>
      <c r="B133" s="114">
        <v>139</v>
      </c>
      <c r="C133" s="115">
        <v>4.4254272174553471</v>
      </c>
      <c r="D133" s="116">
        <v>0.23763038967187339</v>
      </c>
    </row>
    <row r="134" spans="1:4">
      <c r="A134" s="40" t="s">
        <v>540</v>
      </c>
      <c r="B134" s="111">
        <v>317</v>
      </c>
      <c r="C134" s="112">
        <v>4.5382725875730108</v>
      </c>
      <c r="D134" s="113">
        <v>0.14461407750394772</v>
      </c>
    </row>
    <row r="135" spans="1:4">
      <c r="A135" s="44" t="s">
        <v>541</v>
      </c>
      <c r="B135" s="114">
        <v>106</v>
      </c>
      <c r="C135" s="115">
        <v>4.2092028323521564</v>
      </c>
      <c r="D135" s="116">
        <v>0.23972173127415325</v>
      </c>
    </row>
    <row r="136" spans="1:4">
      <c r="A136" s="40" t="s">
        <v>542</v>
      </c>
      <c r="B136" s="78">
        <v>85</v>
      </c>
      <c r="C136" s="79">
        <v>4.6834736499866043</v>
      </c>
      <c r="D136" s="80">
        <v>0.25757212626889681</v>
      </c>
    </row>
    <row r="137" spans="1:4">
      <c r="A137" s="44" t="s">
        <v>543</v>
      </c>
      <c r="B137" s="114">
        <v>71</v>
      </c>
      <c r="C137" s="115">
        <v>4.5344067085635702</v>
      </c>
      <c r="D137" s="116">
        <v>0.30510851927545685</v>
      </c>
    </row>
    <row r="138" spans="1:4">
      <c r="A138" s="52" t="s">
        <v>544</v>
      </c>
      <c r="B138" s="111">
        <v>55</v>
      </c>
      <c r="C138" s="112">
        <v>4.9601583184094773</v>
      </c>
      <c r="D138" s="113">
        <v>0.38817506081096326</v>
      </c>
    </row>
    <row r="139" spans="1:4">
      <c r="A139" s="44" t="s">
        <v>545</v>
      </c>
      <c r="B139" s="114">
        <v>604</v>
      </c>
      <c r="C139" s="115">
        <v>4.5169747240585725</v>
      </c>
      <c r="D139" s="116">
        <v>0.1059061001880461</v>
      </c>
    </row>
    <row r="140" spans="1:4">
      <c r="A140" s="52" t="s">
        <v>546</v>
      </c>
      <c r="B140" s="111">
        <v>63</v>
      </c>
      <c r="C140" s="112">
        <v>4.4165776022239278</v>
      </c>
      <c r="D140" s="113">
        <v>0.34954654461026446</v>
      </c>
    </row>
    <row r="141" spans="1:4">
      <c r="A141" s="44" t="s">
        <v>547</v>
      </c>
      <c r="B141" s="114">
        <v>139</v>
      </c>
      <c r="C141" s="115">
        <v>4.5408324441293493</v>
      </c>
      <c r="D141" s="116">
        <v>0.21836696109438666</v>
      </c>
    </row>
    <row r="142" spans="1:4">
      <c r="A142" s="52" t="s">
        <v>548</v>
      </c>
      <c r="B142" s="111">
        <v>155</v>
      </c>
      <c r="C142" s="112">
        <v>4.736236500598368</v>
      </c>
      <c r="D142" s="113">
        <v>0.2098814641440864</v>
      </c>
    </row>
    <row r="143" spans="1:4">
      <c r="A143" s="44" t="s">
        <v>549</v>
      </c>
      <c r="B143" s="114">
        <v>70</v>
      </c>
      <c r="C143" s="115">
        <v>4.1300457929653902</v>
      </c>
      <c r="D143" s="116">
        <v>0.30744460244876509</v>
      </c>
    </row>
    <row r="144" spans="1:4">
      <c r="A144" s="52" t="s">
        <v>550</v>
      </c>
      <c r="B144" s="111">
        <v>108</v>
      </c>
      <c r="C144" s="112">
        <v>4.5154158101776884</v>
      </c>
      <c r="D144" s="113">
        <v>0.23774906279408448</v>
      </c>
    </row>
    <row r="145" spans="1:28">
      <c r="A145" s="44" t="s">
        <v>551</v>
      </c>
      <c r="B145" s="114">
        <v>69</v>
      </c>
      <c r="C145" s="115">
        <v>4.2956553795987427</v>
      </c>
      <c r="D145" s="116">
        <v>0.31497693328054782</v>
      </c>
    </row>
    <row r="148" spans="1:28" ht="18.75">
      <c r="A148" s="336" t="s">
        <v>500</v>
      </c>
      <c r="B148" s="336"/>
      <c r="C148" s="336"/>
      <c r="D148" s="336"/>
      <c r="E148" s="336"/>
      <c r="F148" s="336"/>
      <c r="G148" s="336"/>
      <c r="H148" s="336"/>
      <c r="I148" s="336"/>
      <c r="J148" s="336"/>
      <c r="K148" s="336"/>
      <c r="L148" s="336"/>
      <c r="M148" s="336"/>
      <c r="N148" s="336"/>
      <c r="O148" s="336"/>
      <c r="P148" s="336"/>
      <c r="Q148" s="336"/>
      <c r="R148" s="336"/>
      <c r="S148" s="336"/>
      <c r="T148" s="336"/>
      <c r="U148" s="336"/>
      <c r="V148" s="336"/>
      <c r="W148" s="336"/>
      <c r="X148" s="336"/>
      <c r="Y148" s="336"/>
      <c r="Z148" s="336"/>
      <c r="AA148" s="336"/>
      <c r="AB148" s="336"/>
    </row>
    <row r="149" spans="1:28" ht="75.75" customHeight="1">
      <c r="A149" s="389" t="s">
        <v>606</v>
      </c>
      <c r="B149" s="389"/>
      <c r="C149" s="389"/>
      <c r="D149" s="389"/>
      <c r="E149" s="389"/>
      <c r="F149" s="389"/>
      <c r="G149" s="389"/>
      <c r="H149" s="389"/>
      <c r="I149" s="389"/>
      <c r="J149" s="389"/>
      <c r="K149" s="389"/>
      <c r="L149" s="389"/>
      <c r="M149" s="389"/>
      <c r="N149" s="389"/>
      <c r="O149" s="389"/>
      <c r="P149" s="389"/>
      <c r="Q149" s="389"/>
      <c r="R149" s="389"/>
      <c r="S149" s="389"/>
      <c r="T149" s="389"/>
      <c r="U149" s="389"/>
      <c r="V149" s="389"/>
      <c r="W149" s="389"/>
      <c r="X149" s="389"/>
      <c r="Y149" s="389"/>
      <c r="Z149" s="389"/>
      <c r="AA149" s="389"/>
      <c r="AB149" s="389"/>
    </row>
    <row r="150" spans="1:28" ht="40.5" customHeight="1">
      <c r="A150" s="291"/>
      <c r="B150" s="396" t="s">
        <v>384</v>
      </c>
      <c r="C150" s="397"/>
      <c r="D150" s="397"/>
      <c r="E150" s="397"/>
      <c r="F150" s="397"/>
      <c r="G150" s="397"/>
      <c r="H150" s="397"/>
      <c r="I150" s="397"/>
      <c r="J150" s="401"/>
      <c r="K150" s="365" t="s">
        <v>385</v>
      </c>
      <c r="L150" s="366"/>
      <c r="M150" s="366"/>
      <c r="N150" s="366"/>
      <c r="O150" s="366"/>
      <c r="P150" s="366"/>
      <c r="Q150" s="366"/>
      <c r="R150" s="366"/>
      <c r="S150" s="367"/>
      <c r="T150" s="396" t="s">
        <v>121</v>
      </c>
      <c r="U150" s="397"/>
      <c r="V150" s="397"/>
      <c r="W150" s="397"/>
      <c r="X150" s="397"/>
      <c r="Y150" s="397"/>
      <c r="Z150" s="397"/>
      <c r="AA150" s="397"/>
      <c r="AB150" s="397"/>
    </row>
    <row r="151" spans="1:28" ht="72">
      <c r="A151" s="32" t="s">
        <v>71</v>
      </c>
      <c r="B151" s="33" t="s">
        <v>72</v>
      </c>
      <c r="C151" s="33" t="s">
        <v>156</v>
      </c>
      <c r="D151" s="84" t="s">
        <v>85</v>
      </c>
      <c r="E151" s="33" t="s">
        <v>157</v>
      </c>
      <c r="F151" s="84" t="s">
        <v>86</v>
      </c>
      <c r="G151" s="33" t="s">
        <v>158</v>
      </c>
      <c r="H151" s="84" t="s">
        <v>87</v>
      </c>
      <c r="I151" s="33" t="s">
        <v>301</v>
      </c>
      <c r="J151" s="84" t="s">
        <v>300</v>
      </c>
      <c r="K151" s="60" t="s">
        <v>72</v>
      </c>
      <c r="L151" s="60" t="s">
        <v>156</v>
      </c>
      <c r="M151" s="83" t="s">
        <v>85</v>
      </c>
      <c r="N151" s="60" t="s">
        <v>157</v>
      </c>
      <c r="O151" s="83" t="s">
        <v>86</v>
      </c>
      <c r="P151" s="60" t="s">
        <v>158</v>
      </c>
      <c r="Q151" s="83" t="s">
        <v>87</v>
      </c>
      <c r="R151" s="60" t="s">
        <v>301</v>
      </c>
      <c r="S151" s="83" t="s">
        <v>300</v>
      </c>
      <c r="T151" s="33" t="s">
        <v>72</v>
      </c>
      <c r="U151" s="33" t="s">
        <v>156</v>
      </c>
      <c r="V151" s="84" t="s">
        <v>85</v>
      </c>
      <c r="W151" s="33" t="s">
        <v>157</v>
      </c>
      <c r="X151" s="84" t="s">
        <v>86</v>
      </c>
      <c r="Y151" s="33" t="s">
        <v>158</v>
      </c>
      <c r="Z151" s="84" t="s">
        <v>87</v>
      </c>
      <c r="AA151" s="33" t="s">
        <v>301</v>
      </c>
      <c r="AB151" s="84" t="s">
        <v>300</v>
      </c>
    </row>
    <row r="152" spans="1:28" ht="72">
      <c r="A152" s="36"/>
      <c r="B152" s="37" t="s">
        <v>74</v>
      </c>
      <c r="C152" s="37" t="s">
        <v>159</v>
      </c>
      <c r="D152" s="86" t="s">
        <v>88</v>
      </c>
      <c r="E152" s="37" t="s">
        <v>160</v>
      </c>
      <c r="F152" s="86" t="s">
        <v>88</v>
      </c>
      <c r="G152" s="37" t="s">
        <v>161</v>
      </c>
      <c r="H152" s="86" t="s">
        <v>88</v>
      </c>
      <c r="I152" s="37" t="s">
        <v>301</v>
      </c>
      <c r="J152" s="86" t="s">
        <v>88</v>
      </c>
      <c r="K152" s="63" t="s">
        <v>74</v>
      </c>
      <c r="L152" s="63" t="s">
        <v>159</v>
      </c>
      <c r="M152" s="85" t="s">
        <v>88</v>
      </c>
      <c r="N152" s="63" t="s">
        <v>160</v>
      </c>
      <c r="O152" s="85" t="s">
        <v>88</v>
      </c>
      <c r="P152" s="63" t="s">
        <v>161</v>
      </c>
      <c r="Q152" s="85" t="s">
        <v>88</v>
      </c>
      <c r="R152" s="63" t="s">
        <v>301</v>
      </c>
      <c r="S152" s="85" t="s">
        <v>88</v>
      </c>
      <c r="T152" s="37" t="s">
        <v>74</v>
      </c>
      <c r="U152" s="37" t="s">
        <v>159</v>
      </c>
      <c r="V152" s="86" t="s">
        <v>88</v>
      </c>
      <c r="W152" s="37" t="s">
        <v>160</v>
      </c>
      <c r="X152" s="86" t="s">
        <v>88</v>
      </c>
      <c r="Y152" s="37" t="s">
        <v>161</v>
      </c>
      <c r="Z152" s="86" t="s">
        <v>88</v>
      </c>
      <c r="AA152" s="37" t="s">
        <v>301</v>
      </c>
      <c r="AB152" s="86" t="s">
        <v>88</v>
      </c>
    </row>
    <row r="153" spans="1:28">
      <c r="A153" s="40" t="s">
        <v>349</v>
      </c>
      <c r="B153" s="157">
        <v>13916</v>
      </c>
      <c r="C153" s="160">
        <v>0.24721018413503079</v>
      </c>
      <c r="D153" s="89">
        <v>7.3134663503884997E-3</v>
      </c>
      <c r="E153" s="160">
        <v>0.22996751196457071</v>
      </c>
      <c r="F153" s="89">
        <v>7.1342696510420254E-3</v>
      </c>
      <c r="G153" s="160">
        <v>0.35734181830937645</v>
      </c>
      <c r="H153" s="89">
        <v>8.1236906583958182E-3</v>
      </c>
      <c r="I153" s="160">
        <v>0.16548048559104037</v>
      </c>
      <c r="J153" s="89">
        <v>6.3009075583273259E-3</v>
      </c>
      <c r="K153" s="119">
        <v>13906</v>
      </c>
      <c r="L153" s="118">
        <v>0.28691101869081054</v>
      </c>
      <c r="M153" s="89">
        <v>7.6707816144096089E-3</v>
      </c>
      <c r="N153" s="118">
        <v>0.20739565521860365</v>
      </c>
      <c r="O153" s="118">
        <v>6.8763743112210335E-3</v>
      </c>
      <c r="P153" s="118">
        <v>0.38105482308155841</v>
      </c>
      <c r="Q153" s="89">
        <v>8.2355715377953418E-3</v>
      </c>
      <c r="R153" s="118">
        <v>0.12463850300904504</v>
      </c>
      <c r="S153" s="89">
        <v>5.6033462323828937E-3</v>
      </c>
      <c r="T153" s="119">
        <v>13917</v>
      </c>
      <c r="U153" s="118">
        <v>0.21139065422020736</v>
      </c>
      <c r="V153" s="89">
        <v>6.9219899392000787E-3</v>
      </c>
      <c r="W153" s="118">
        <v>0.20220173619447673</v>
      </c>
      <c r="X153" s="118">
        <v>6.8092980540401995E-3</v>
      </c>
      <c r="Y153" s="118">
        <v>0.51742917611998085</v>
      </c>
      <c r="Z153" s="89">
        <v>8.4703414568206813E-3</v>
      </c>
      <c r="AA153" s="118">
        <v>6.8978433465351083E-2</v>
      </c>
      <c r="AB153" s="89">
        <v>4.2992426218196574E-3</v>
      </c>
    </row>
    <row r="154" spans="1:28">
      <c r="A154" s="44" t="s">
        <v>350</v>
      </c>
      <c r="B154" s="44">
        <v>10183</v>
      </c>
      <c r="C154" s="159">
        <v>0.27559647530717357</v>
      </c>
      <c r="D154" s="92">
        <v>8.8547631711577007E-3</v>
      </c>
      <c r="E154" s="159">
        <v>0.22433185166138178</v>
      </c>
      <c r="F154" s="92">
        <v>8.2673198233641793E-3</v>
      </c>
      <c r="G154" s="159">
        <v>0.33736109628042987</v>
      </c>
      <c r="H154" s="92">
        <v>9.3694258840044328E-3</v>
      </c>
      <c r="I154" s="159">
        <v>0.16271057675101472</v>
      </c>
      <c r="J154" s="92">
        <v>7.3163565765839728E-3</v>
      </c>
      <c r="K154" s="44">
        <v>10184</v>
      </c>
      <c r="L154" s="121">
        <v>0.29351436557063271</v>
      </c>
      <c r="M154" s="92">
        <v>9.0237473170164326E-3</v>
      </c>
      <c r="N154" s="121">
        <v>0.20480254938895326</v>
      </c>
      <c r="O154" s="121">
        <v>7.9980091389078491E-3</v>
      </c>
      <c r="P154" s="121">
        <v>0.39238496392138006</v>
      </c>
      <c r="Q154" s="92">
        <v>9.675295609665107E-3</v>
      </c>
      <c r="R154" s="121">
        <v>0.10929812111903336</v>
      </c>
      <c r="S154" s="92">
        <v>6.1862177962088306E-3</v>
      </c>
      <c r="T154" s="44">
        <v>10198</v>
      </c>
      <c r="U154" s="121">
        <v>0.19149971417243938</v>
      </c>
      <c r="V154" s="92">
        <v>7.7932052455123111E-3</v>
      </c>
      <c r="W154" s="121">
        <v>0.18567288530772813</v>
      </c>
      <c r="X154" s="121">
        <v>7.7014454935054938E-3</v>
      </c>
      <c r="Y154" s="121">
        <v>0.57126389116641652</v>
      </c>
      <c r="Z154" s="92">
        <v>9.7995082758462974E-3</v>
      </c>
      <c r="AA154" s="121">
        <v>5.1563509353409941E-2</v>
      </c>
      <c r="AB154" s="92">
        <v>4.385929178221234E-3</v>
      </c>
    </row>
    <row r="155" spans="1:28">
      <c r="A155" s="40" t="s">
        <v>351</v>
      </c>
      <c r="B155" s="48">
        <v>3733</v>
      </c>
      <c r="C155" s="160">
        <v>0.22436427846585125</v>
      </c>
      <c r="D155" s="89">
        <v>1.3654536010558547E-2</v>
      </c>
      <c r="E155" s="160">
        <v>0.23450321417692144</v>
      </c>
      <c r="F155" s="89">
        <v>1.3867459099300268E-2</v>
      </c>
      <c r="G155" s="160">
        <v>0.37342273877576271</v>
      </c>
      <c r="H155" s="89">
        <v>1.5826611940870993E-2</v>
      </c>
      <c r="I155" s="160">
        <v>0.16770976858146525</v>
      </c>
      <c r="J155" s="89">
        <v>1.2233542717730169E-2</v>
      </c>
      <c r="K155" s="48">
        <v>3722</v>
      </c>
      <c r="L155" s="118">
        <v>0.28157369485150868</v>
      </c>
      <c r="M155" s="89">
        <v>1.474027536895622E-2</v>
      </c>
      <c r="N155" s="118">
        <v>0.20949159926246991</v>
      </c>
      <c r="O155" s="118">
        <v>1.3340818127827088E-2</v>
      </c>
      <c r="P155" s="118">
        <v>0.37189694724866146</v>
      </c>
      <c r="Q155" s="89">
        <v>1.583682301739725E-2</v>
      </c>
      <c r="R155" s="118">
        <v>0.13703775863736017</v>
      </c>
      <c r="S155" s="89">
        <v>1.1280882632758426E-2</v>
      </c>
      <c r="T155" s="48">
        <v>3719</v>
      </c>
      <c r="U155" s="118">
        <v>0.22746135889376895</v>
      </c>
      <c r="V155" s="89">
        <v>1.3746572773353843E-2</v>
      </c>
      <c r="W155" s="118">
        <v>0.21555607141223795</v>
      </c>
      <c r="X155" s="118">
        <v>1.3485516721737577E-2</v>
      </c>
      <c r="Y155" s="118">
        <v>0.47393390618202474</v>
      </c>
      <c r="Z155" s="89">
        <v>1.6366800707834434E-2</v>
      </c>
      <c r="AA155" s="118">
        <v>8.3048663511969767E-2</v>
      </c>
      <c r="AB155" s="89">
        <v>9.0674464806340636E-3</v>
      </c>
    </row>
    <row r="156" spans="1:28">
      <c r="A156" s="44" t="s">
        <v>533</v>
      </c>
      <c r="B156" s="44">
        <v>3198</v>
      </c>
      <c r="C156" s="159">
        <v>0.21678859569560849</v>
      </c>
      <c r="D156" s="92">
        <v>1.4572465192635737E-2</v>
      </c>
      <c r="E156" s="159">
        <v>0.22541295480283194</v>
      </c>
      <c r="F156" s="92">
        <v>1.4776714734507469E-2</v>
      </c>
      <c r="G156" s="159">
        <v>0.38970023724423014</v>
      </c>
      <c r="H156" s="92">
        <v>1.72378858583533E-2</v>
      </c>
      <c r="I156" s="159">
        <v>0.16809821225732566</v>
      </c>
      <c r="J156" s="92">
        <v>1.3230114247414224E-2</v>
      </c>
      <c r="K156" s="44">
        <v>3203</v>
      </c>
      <c r="L156" s="121">
        <v>0.26154873238043658</v>
      </c>
      <c r="M156" s="92">
        <v>1.5526624658798324E-2</v>
      </c>
      <c r="N156" s="121">
        <v>0.19830127113771964</v>
      </c>
      <c r="O156" s="121">
        <v>1.4091544170522502E-2</v>
      </c>
      <c r="P156" s="121">
        <v>0.41441692661786078</v>
      </c>
      <c r="Q156" s="92">
        <v>1.7398421747927061E-2</v>
      </c>
      <c r="R156" s="121">
        <v>0.12573306986397909</v>
      </c>
      <c r="S156" s="92">
        <v>1.172778620237452E-2</v>
      </c>
      <c r="T156" s="44">
        <v>3203</v>
      </c>
      <c r="U156" s="121">
        <v>0.18015365826759119</v>
      </c>
      <c r="V156" s="92">
        <v>1.3584477031124387E-2</v>
      </c>
      <c r="W156" s="121">
        <v>0.20887462414204855</v>
      </c>
      <c r="X156" s="121">
        <v>1.4365590760091891E-2</v>
      </c>
      <c r="Y156" s="121">
        <v>0.54434733587387085</v>
      </c>
      <c r="Z156" s="92">
        <v>1.7588946011517378E-2</v>
      </c>
      <c r="AA156" s="121">
        <v>6.6624381716484576E-2</v>
      </c>
      <c r="AB156" s="92">
        <v>8.8400393436477483E-3</v>
      </c>
    </row>
    <row r="157" spans="1:28">
      <c r="A157" s="40" t="s">
        <v>534</v>
      </c>
      <c r="B157" s="48">
        <v>2507</v>
      </c>
      <c r="C157" s="160">
        <v>0.22914522789232195</v>
      </c>
      <c r="D157" s="89">
        <v>1.6785537251411523E-2</v>
      </c>
      <c r="E157" s="160">
        <v>0.22071062730831112</v>
      </c>
      <c r="F157" s="89">
        <v>1.6564598481337189E-2</v>
      </c>
      <c r="G157" s="160">
        <v>0.36926652510609564</v>
      </c>
      <c r="H157" s="89">
        <v>1.9264168604958359E-2</v>
      </c>
      <c r="I157" s="160">
        <v>0.18087761969327476</v>
      </c>
      <c r="J157" s="89">
        <v>1.537970782867475E-2</v>
      </c>
      <c r="K157" s="48">
        <v>2516</v>
      </c>
      <c r="L157" s="118">
        <v>0.25219778274781751</v>
      </c>
      <c r="M157" s="89">
        <v>1.7310829984756203E-2</v>
      </c>
      <c r="N157" s="118">
        <v>0.20007330474328947</v>
      </c>
      <c r="O157" s="118">
        <v>1.5952773829586982E-2</v>
      </c>
      <c r="P157" s="118">
        <v>0.44843741175710106</v>
      </c>
      <c r="Q157" s="89">
        <v>1.9814606329438569E-2</v>
      </c>
      <c r="R157" s="118">
        <v>9.9291500751795839E-2</v>
      </c>
      <c r="S157" s="89">
        <v>1.1948436275544726E-2</v>
      </c>
      <c r="T157" s="48">
        <v>2516</v>
      </c>
      <c r="U157" s="118">
        <v>0.14234760262267376</v>
      </c>
      <c r="V157" s="89">
        <v>1.394379423227712E-2</v>
      </c>
      <c r="W157" s="118">
        <v>0.17718363247728483</v>
      </c>
      <c r="X157" s="118">
        <v>1.5229470021102719E-2</v>
      </c>
      <c r="Y157" s="118">
        <v>0.63870039421293368</v>
      </c>
      <c r="Z157" s="89">
        <v>1.9141213930170108E-2</v>
      </c>
      <c r="AA157" s="118">
        <v>4.1768370687110812E-2</v>
      </c>
      <c r="AB157" s="89">
        <v>8.0366063329095263E-3</v>
      </c>
    </row>
    <row r="158" spans="1:28">
      <c r="A158" s="44" t="s">
        <v>535</v>
      </c>
      <c r="B158" s="44">
        <v>482</v>
      </c>
      <c r="C158" s="159">
        <v>0.21328956280216882</v>
      </c>
      <c r="D158" s="92">
        <v>3.7311357122228571E-2</v>
      </c>
      <c r="E158" s="159">
        <v>0.21564798194263646</v>
      </c>
      <c r="F158" s="92">
        <v>3.745718177976326E-2</v>
      </c>
      <c r="G158" s="159">
        <v>0.36556741473679533</v>
      </c>
      <c r="H158" s="92">
        <v>4.3718529117325496E-2</v>
      </c>
      <c r="I158" s="159">
        <v>0.20549504051840323</v>
      </c>
      <c r="J158" s="92">
        <v>3.6816602537979366E-2</v>
      </c>
      <c r="K158" s="44">
        <v>486</v>
      </c>
      <c r="L158" s="121">
        <v>0.25576743994253748</v>
      </c>
      <c r="M158" s="92">
        <v>3.9519600068619327E-2</v>
      </c>
      <c r="N158" s="121">
        <v>0.20855468216784151</v>
      </c>
      <c r="O158" s="121">
        <v>3.6860547792368983E-2</v>
      </c>
      <c r="P158" s="121">
        <v>0.45409108347853577</v>
      </c>
      <c r="Q158" s="92">
        <v>4.4987675518369082E-2</v>
      </c>
      <c r="R158" s="121">
        <v>8.1586794411088737E-2</v>
      </c>
      <c r="S158" s="92">
        <v>2.5197505917941287E-2</v>
      </c>
      <c r="T158" s="44">
        <v>488</v>
      </c>
      <c r="U158" s="121">
        <v>0.15605177535180867</v>
      </c>
      <c r="V158" s="92">
        <v>3.2959125061310643E-2</v>
      </c>
      <c r="W158" s="121">
        <v>0.17638309133941432</v>
      </c>
      <c r="X158" s="121">
        <v>3.4566780759085626E-2</v>
      </c>
      <c r="Y158" s="121">
        <v>0.63036921231008802</v>
      </c>
      <c r="Z158" s="92">
        <v>4.3549719733415392E-2</v>
      </c>
      <c r="AA158" s="121">
        <v>3.7195920998691373E-2</v>
      </c>
      <c r="AB158" s="92">
        <v>1.7870571825177744E-2</v>
      </c>
    </row>
    <row r="159" spans="1:28">
      <c r="A159" s="40" t="s">
        <v>536</v>
      </c>
      <c r="B159" s="48">
        <v>88</v>
      </c>
      <c r="C159" s="160">
        <v>0.15235133418689778</v>
      </c>
      <c r="D159" s="89">
        <v>7.7857580988963643E-2</v>
      </c>
      <c r="E159" s="160">
        <v>0.19585339654536602</v>
      </c>
      <c r="F159" s="89">
        <v>8.4792304377886957E-2</v>
      </c>
      <c r="G159" s="160">
        <v>0.38205000149261958</v>
      </c>
      <c r="H159" s="89">
        <v>0.10156840819641674</v>
      </c>
      <c r="I159" s="160">
        <v>0.26974526777511587</v>
      </c>
      <c r="J159" s="89">
        <v>9.3597828753750195E-2</v>
      </c>
      <c r="K159" s="48">
        <v>88</v>
      </c>
      <c r="L159" s="118">
        <v>0.13941695017696754</v>
      </c>
      <c r="M159" s="89">
        <v>7.5481117187029059E-2</v>
      </c>
      <c r="N159" s="118">
        <v>0.22067864655995373</v>
      </c>
      <c r="O159" s="118">
        <v>8.8124536166607634E-2</v>
      </c>
      <c r="P159" s="118">
        <v>0.48933663191420662</v>
      </c>
      <c r="Q159" s="89">
        <v>0.1042355120231712</v>
      </c>
      <c r="R159" s="118">
        <v>0.15056777134887184</v>
      </c>
      <c r="S159" s="89">
        <v>7.7539314355400013E-2</v>
      </c>
      <c r="T159" s="48">
        <v>89</v>
      </c>
      <c r="U159" s="118">
        <v>9.5390843636653871E-2</v>
      </c>
      <c r="V159" s="89">
        <v>6.5605874252027477E-2</v>
      </c>
      <c r="W159" s="118">
        <v>0.26978549685037501</v>
      </c>
      <c r="X159" s="118">
        <v>9.3086217025846393E-2</v>
      </c>
      <c r="Y159" s="118">
        <v>0.54322404366855925</v>
      </c>
      <c r="Z159" s="89">
        <v>0.10333970316623953</v>
      </c>
      <c r="AA159" s="118">
        <v>9.1599615844411703E-2</v>
      </c>
      <c r="AB159" s="89">
        <v>6.4673930758863143E-2</v>
      </c>
    </row>
    <row r="160" spans="1:28">
      <c r="A160" s="44" t="s">
        <v>537</v>
      </c>
      <c r="B160" s="44">
        <v>137</v>
      </c>
      <c r="C160" s="159">
        <v>0.24617181281271577</v>
      </c>
      <c r="D160" s="92">
        <v>7.3257523363531918E-2</v>
      </c>
      <c r="E160" s="159">
        <v>0.2451893052868008</v>
      </c>
      <c r="F160" s="92">
        <v>7.316611666350914E-2</v>
      </c>
      <c r="G160" s="159">
        <v>0.37109731271182655</v>
      </c>
      <c r="H160" s="92">
        <v>8.1530305235397213E-2</v>
      </c>
      <c r="I160" s="159">
        <v>0.13754156918865665</v>
      </c>
      <c r="J160" s="92">
        <v>5.9780240542919354E-2</v>
      </c>
      <c r="K160" s="44">
        <v>139</v>
      </c>
      <c r="L160" s="121">
        <v>0.20479490281287677</v>
      </c>
      <c r="M160" s="92">
        <v>6.8482261088486249E-2</v>
      </c>
      <c r="N160" s="121">
        <v>0.24949851254576899</v>
      </c>
      <c r="O160" s="121">
        <v>7.3038059134456171E-2</v>
      </c>
      <c r="P160" s="121">
        <v>0.50730388037666541</v>
      </c>
      <c r="Q160" s="92">
        <v>8.3615770590683314E-2</v>
      </c>
      <c r="R160" s="121">
        <v>3.840270426468867E-2</v>
      </c>
      <c r="S160" s="92">
        <v>3.690143253621498E-2</v>
      </c>
      <c r="T160" s="44">
        <v>139</v>
      </c>
      <c r="U160" s="121">
        <v>0.13538138852581683</v>
      </c>
      <c r="V160" s="92">
        <v>5.8986030224859522E-2</v>
      </c>
      <c r="W160" s="121">
        <v>0.16062450354124183</v>
      </c>
      <c r="X160" s="121">
        <v>6.2841247935779193E-2</v>
      </c>
      <c r="Y160" s="121">
        <v>0.70399410793294082</v>
      </c>
      <c r="Z160" s="92">
        <v>7.6767176364294948E-2</v>
      </c>
      <c r="AA160" s="121">
        <v>0</v>
      </c>
      <c r="AB160" s="92">
        <v>1.964040746931579E-2</v>
      </c>
    </row>
    <row r="161" spans="1:28">
      <c r="A161" s="40" t="s">
        <v>538</v>
      </c>
      <c r="B161" s="48">
        <v>105</v>
      </c>
      <c r="C161" s="160">
        <v>0.22932704109854835</v>
      </c>
      <c r="D161" s="89">
        <v>8.1727820631154954E-2</v>
      </c>
      <c r="E161" s="160">
        <v>0.2499511171038572</v>
      </c>
      <c r="F161" s="89">
        <v>8.3935384770431803E-2</v>
      </c>
      <c r="G161" s="160">
        <v>0.37729777244072116</v>
      </c>
      <c r="H161" s="89">
        <v>9.3067777092266005E-2</v>
      </c>
      <c r="I161" s="160">
        <v>0.14342406935687244</v>
      </c>
      <c r="J161" s="89">
        <v>6.9602864176575241E-2</v>
      </c>
      <c r="K161" s="48">
        <v>108</v>
      </c>
      <c r="L161" s="118">
        <v>0.33007392964388105</v>
      </c>
      <c r="M161" s="89">
        <v>8.9273014458309624E-2</v>
      </c>
      <c r="N161" s="118">
        <v>0.1809793452105137</v>
      </c>
      <c r="O161" s="118">
        <v>7.4490074116043734E-2</v>
      </c>
      <c r="P161" s="118">
        <v>0.42836096655408751</v>
      </c>
      <c r="Q161" s="89">
        <v>9.3584928006250706E-2</v>
      </c>
      <c r="R161" s="118">
        <v>6.058575859151711E-2</v>
      </c>
      <c r="S161" s="89">
        <v>5.0164237241133225E-2</v>
      </c>
      <c r="T161" s="48">
        <v>108</v>
      </c>
      <c r="U161" s="118">
        <v>0.13584689537611946</v>
      </c>
      <c r="V161" s="89">
        <v>6.7266882455822227E-2</v>
      </c>
      <c r="W161" s="118">
        <v>0.13415625949491886</v>
      </c>
      <c r="X161" s="118">
        <v>6.6961545060154545E-2</v>
      </c>
      <c r="Y161" s="118">
        <v>0.70217249949619809</v>
      </c>
      <c r="Z161" s="89">
        <v>8.7012662665865104E-2</v>
      </c>
      <c r="AA161" s="118">
        <v>2.7824345632762926E-2</v>
      </c>
      <c r="AB161" s="89">
        <v>3.9047025586415623E-2</v>
      </c>
    </row>
    <row r="162" spans="1:28">
      <c r="A162" s="44" t="s">
        <v>539</v>
      </c>
      <c r="B162" s="44">
        <v>152</v>
      </c>
      <c r="C162" s="159">
        <v>0.209314150741675</v>
      </c>
      <c r="D162" s="92">
        <v>6.5979683524504881E-2</v>
      </c>
      <c r="E162" s="159">
        <v>0.18853747618515521</v>
      </c>
      <c r="F162" s="92">
        <v>6.3629966361705023E-2</v>
      </c>
      <c r="G162" s="159">
        <v>0.3499556667937116</v>
      </c>
      <c r="H162" s="92">
        <v>7.6565109669888942E-2</v>
      </c>
      <c r="I162" s="159">
        <v>0.25219270627945733</v>
      </c>
      <c r="J162" s="92">
        <v>7.0109863048524734E-2</v>
      </c>
      <c r="K162" s="44">
        <v>151</v>
      </c>
      <c r="L162" s="121">
        <v>0.29541619861671181</v>
      </c>
      <c r="M162" s="92">
        <v>7.3664948223439941E-2</v>
      </c>
      <c r="N162" s="121">
        <v>0.1926410015739691</v>
      </c>
      <c r="O162" s="121">
        <v>6.4326461692646025E-2</v>
      </c>
      <c r="P162" s="121">
        <v>0.42062049014268799</v>
      </c>
      <c r="Q162" s="92">
        <v>7.9355454385409904E-2</v>
      </c>
      <c r="R162" s="121">
        <v>9.1322309666630228E-2</v>
      </c>
      <c r="S162" s="92">
        <v>4.8590871846278035E-2</v>
      </c>
      <c r="T162" s="44">
        <v>152</v>
      </c>
      <c r="U162" s="121">
        <v>0.20292293675595224</v>
      </c>
      <c r="V162" s="92">
        <v>6.5283028882508767E-2</v>
      </c>
      <c r="W162" s="121">
        <v>0.16973939880582248</v>
      </c>
      <c r="X162" s="121">
        <v>6.1279030536268285E-2</v>
      </c>
      <c r="Y162" s="121">
        <v>0.58463362757166404</v>
      </c>
      <c r="Z162" s="92">
        <v>7.896766061031428E-2</v>
      </c>
      <c r="AA162" s="121">
        <v>4.2704036866560872E-2</v>
      </c>
      <c r="AB162" s="92">
        <v>3.6327215133655902E-2</v>
      </c>
    </row>
    <row r="163" spans="1:28">
      <c r="A163" s="40" t="s">
        <v>540</v>
      </c>
      <c r="B163" s="157">
        <v>342</v>
      </c>
      <c r="C163" s="160">
        <v>0.22997598513550754</v>
      </c>
      <c r="D163" s="89">
        <v>4.5460156675571843E-2</v>
      </c>
      <c r="E163" s="160">
        <v>0.22029961938956441</v>
      </c>
      <c r="F163" s="89">
        <v>4.4794467136301523E-2</v>
      </c>
      <c r="G163" s="160">
        <v>0.41538131548147211</v>
      </c>
      <c r="H163" s="89">
        <v>5.3002811336567909E-2</v>
      </c>
      <c r="I163" s="160">
        <v>0.13434307999345627</v>
      </c>
      <c r="J163" s="89">
        <v>3.7148132142632455E-2</v>
      </c>
      <c r="K163" s="119">
        <v>342</v>
      </c>
      <c r="L163" s="118">
        <v>0.24423963940364576</v>
      </c>
      <c r="M163" s="89">
        <v>4.6382469175924743E-2</v>
      </c>
      <c r="N163" s="118">
        <v>0.25371048192359952</v>
      </c>
      <c r="O163" s="118">
        <v>4.6957843051932832E-2</v>
      </c>
      <c r="P163" s="118">
        <v>0.40789689473133012</v>
      </c>
      <c r="Q163" s="89">
        <v>5.2861693525317902E-2</v>
      </c>
      <c r="R163" s="118">
        <v>9.4152983941424781E-2</v>
      </c>
      <c r="S163" s="89">
        <v>3.2089929850778173E-2</v>
      </c>
      <c r="T163" s="119">
        <v>342</v>
      </c>
      <c r="U163" s="118">
        <v>0.11725513902228515</v>
      </c>
      <c r="V163" s="89">
        <v>3.5150202639841095E-2</v>
      </c>
      <c r="W163" s="118">
        <v>0.1694076010888923</v>
      </c>
      <c r="X163" s="118">
        <v>4.0690716485388356E-2</v>
      </c>
      <c r="Y163" s="118">
        <v>0.6795259998650911</v>
      </c>
      <c r="Z163" s="89">
        <v>5.0260742170843843E-2</v>
      </c>
      <c r="AA163" s="118">
        <v>3.3811260023732956E-2</v>
      </c>
      <c r="AB163" s="89">
        <v>2.0866774864995517E-2</v>
      </c>
    </row>
    <row r="164" spans="1:28">
      <c r="A164" s="44" t="s">
        <v>541</v>
      </c>
      <c r="B164" s="158">
        <v>113</v>
      </c>
      <c r="C164" s="159">
        <v>0.33662140020905523</v>
      </c>
      <c r="D164" s="92">
        <v>8.7725556326040927E-2</v>
      </c>
      <c r="E164" s="159">
        <v>0.24627961816038055</v>
      </c>
      <c r="F164" s="92">
        <v>8.0585967114025395E-2</v>
      </c>
      <c r="G164" s="159">
        <v>0.32714717086760303</v>
      </c>
      <c r="H164" s="92">
        <v>8.7144623743162286E-2</v>
      </c>
      <c r="I164" s="159">
        <v>8.9951810762961326E-2</v>
      </c>
      <c r="J164" s="92">
        <v>5.643563053918639E-2</v>
      </c>
      <c r="K164" s="122">
        <v>113</v>
      </c>
      <c r="L164" s="121">
        <v>0.28110148726287004</v>
      </c>
      <c r="M164" s="92">
        <v>8.3779070701962527E-2</v>
      </c>
      <c r="N164" s="121">
        <v>0.30331665090440613</v>
      </c>
      <c r="O164" s="121">
        <v>8.5518134860382969E-2</v>
      </c>
      <c r="P164" s="121">
        <v>0.32530734754083801</v>
      </c>
      <c r="Q164" s="92">
        <v>8.7027547630348964E-2</v>
      </c>
      <c r="R164" s="121">
        <v>9.0274514291885946E-2</v>
      </c>
      <c r="S164" s="92">
        <v>5.6510324638200986E-2</v>
      </c>
      <c r="T164" s="122">
        <v>113</v>
      </c>
      <c r="U164" s="121">
        <v>0.13393230006895748</v>
      </c>
      <c r="V164" s="92">
        <v>6.5372197718171168E-2</v>
      </c>
      <c r="W164" s="121">
        <v>0.20431429349664343</v>
      </c>
      <c r="X164" s="121">
        <v>7.5886981876687201E-2</v>
      </c>
      <c r="Y164" s="121">
        <v>0.63334715579378087</v>
      </c>
      <c r="Z164" s="92">
        <v>8.9330573871759314E-2</v>
      </c>
      <c r="AA164" s="121">
        <v>2.8406250640618712E-2</v>
      </c>
      <c r="AB164" s="92">
        <v>3.8138869906857817E-2</v>
      </c>
    </row>
    <row r="165" spans="1:28">
      <c r="A165" s="40" t="s">
        <v>542</v>
      </c>
      <c r="B165" s="78">
        <v>95</v>
      </c>
      <c r="C165" s="160">
        <v>0.14233515133558008</v>
      </c>
      <c r="D165" s="89">
        <v>7.3086174723101846E-2</v>
      </c>
      <c r="E165" s="160">
        <v>0.24332641017678927</v>
      </c>
      <c r="F165" s="89">
        <v>8.7463669082199713E-2</v>
      </c>
      <c r="G165" s="160">
        <v>0.41238194898538888</v>
      </c>
      <c r="H165" s="89">
        <v>9.9072650022567446E-2</v>
      </c>
      <c r="I165" s="160">
        <v>0.20195648950224285</v>
      </c>
      <c r="J165" s="89">
        <v>8.2438401535315647E-2</v>
      </c>
      <c r="K165" s="78">
        <v>95</v>
      </c>
      <c r="L165" s="93">
        <v>0.19437068055593024</v>
      </c>
      <c r="M165" s="89">
        <v>8.13984971016012E-2</v>
      </c>
      <c r="N165" s="93">
        <v>0.31596575768517055</v>
      </c>
      <c r="O165" s="93">
        <v>9.4026208333344782E-2</v>
      </c>
      <c r="P165" s="93">
        <v>0.36871291669223311</v>
      </c>
      <c r="Q165" s="89">
        <v>9.7261159607733447E-2</v>
      </c>
      <c r="R165" s="93">
        <v>0.12095064506666699</v>
      </c>
      <c r="S165" s="89">
        <v>6.8959777561663202E-2</v>
      </c>
      <c r="T165" s="78">
        <v>95</v>
      </c>
      <c r="U165" s="93">
        <v>9.8578043164491327E-2</v>
      </c>
      <c r="V165" s="89">
        <v>6.4076575141051473E-2</v>
      </c>
      <c r="W165" s="93">
        <v>0.13363880738326445</v>
      </c>
      <c r="X165" s="93">
        <v>7.1465599907216126E-2</v>
      </c>
      <c r="Y165" s="93">
        <v>0.74348511031487408</v>
      </c>
      <c r="Z165" s="89">
        <v>8.8855557759159334E-2</v>
      </c>
      <c r="AA165" s="93">
        <v>2.4298039137370973E-2</v>
      </c>
      <c r="AB165" s="89">
        <v>4.1009718569903389E-2</v>
      </c>
    </row>
    <row r="166" spans="1:28">
      <c r="A166" s="44" t="s">
        <v>543</v>
      </c>
      <c r="B166" s="158">
        <v>77</v>
      </c>
      <c r="C166" s="159">
        <v>0.19044647800631673</v>
      </c>
      <c r="D166" s="92">
        <v>8.9830285772552823E-2</v>
      </c>
      <c r="E166" s="159">
        <v>0.14131685977608868</v>
      </c>
      <c r="F166" s="92">
        <v>8.1267487431968641E-2</v>
      </c>
      <c r="G166" s="159">
        <v>0.51564201320075154</v>
      </c>
      <c r="H166" s="92">
        <v>0.11106196600794543</v>
      </c>
      <c r="I166" s="159">
        <v>0.15259464901684322</v>
      </c>
      <c r="J166" s="92">
        <v>8.3425207770641177E-2</v>
      </c>
      <c r="K166" s="122">
        <v>77</v>
      </c>
      <c r="L166" s="121">
        <v>0.26030578130188098</v>
      </c>
      <c r="M166" s="92">
        <v>9.8902864096286361E-2</v>
      </c>
      <c r="N166" s="121">
        <v>0.17394184226772874</v>
      </c>
      <c r="O166" s="121">
        <v>8.7185613128277745E-2</v>
      </c>
      <c r="P166" s="121">
        <v>0.4534678458219279</v>
      </c>
      <c r="Q166" s="92">
        <v>0.11067544127545161</v>
      </c>
      <c r="R166" s="121">
        <v>0.1122845306084622</v>
      </c>
      <c r="S166" s="92">
        <v>7.5082464206863778E-2</v>
      </c>
      <c r="T166" s="122">
        <v>77</v>
      </c>
      <c r="U166" s="121">
        <v>0.11391331102740782</v>
      </c>
      <c r="V166" s="92">
        <v>7.5456085083350499E-2</v>
      </c>
      <c r="W166" s="121">
        <v>0.19709811494681354</v>
      </c>
      <c r="X166" s="121">
        <v>9.0836547517378338E-2</v>
      </c>
      <c r="Y166" s="121">
        <v>0.61729366536160202</v>
      </c>
      <c r="Z166" s="92">
        <v>0.10831309007706608</v>
      </c>
      <c r="AA166" s="121">
        <v>7.1694908664176868E-2</v>
      </c>
      <c r="AB166" s="92">
        <v>6.4492487454649972E-2</v>
      </c>
    </row>
    <row r="167" spans="1:28">
      <c r="A167" s="52" t="s">
        <v>544</v>
      </c>
      <c r="B167" s="157">
        <v>57</v>
      </c>
      <c r="C167" s="160">
        <v>0.26419157593844744</v>
      </c>
      <c r="D167" s="89">
        <v>0.11493343101964493</v>
      </c>
      <c r="E167" s="160">
        <v>0.24793228757872537</v>
      </c>
      <c r="F167" s="89">
        <v>0.11294029446476656</v>
      </c>
      <c r="G167" s="160">
        <v>0.44749177586764349</v>
      </c>
      <c r="H167" s="89">
        <v>0.12741892174931782</v>
      </c>
      <c r="I167" s="160">
        <v>4.0384360615183773E-2</v>
      </c>
      <c r="J167" s="89">
        <v>6.5561676477155828E-2</v>
      </c>
      <c r="K167" s="119">
        <v>57</v>
      </c>
      <c r="L167" s="118">
        <v>0.24915084115961569</v>
      </c>
      <c r="M167" s="89">
        <v>0.11309552736159474</v>
      </c>
      <c r="N167" s="118">
        <v>0.13028638541360815</v>
      </c>
      <c r="O167" s="118">
        <v>9.2559386619224859E-2</v>
      </c>
      <c r="P167" s="118">
        <v>0.61644634078550931</v>
      </c>
      <c r="Q167" s="89">
        <v>0.12496826398194073</v>
      </c>
      <c r="R167" s="118">
        <v>4.1164326412666159E-3</v>
      </c>
      <c r="S167" s="89">
        <v>4.8106018689251483E-2</v>
      </c>
      <c r="T167" s="119">
        <v>57</v>
      </c>
      <c r="U167" s="118">
        <v>0.12955680795917091</v>
      </c>
      <c r="V167" s="89">
        <v>9.2392217044147809E-2</v>
      </c>
      <c r="W167" s="118">
        <v>0.12288822380300628</v>
      </c>
      <c r="X167" s="118">
        <v>9.0834429116667753E-2</v>
      </c>
      <c r="Y167" s="118">
        <v>0.74755496823782253</v>
      </c>
      <c r="Z167" s="89">
        <v>0.11351036614387454</v>
      </c>
      <c r="AA167" s="118">
        <v>0</v>
      </c>
      <c r="AB167" s="89">
        <v>4.5601197425875629E-2</v>
      </c>
    </row>
    <row r="168" spans="1:28">
      <c r="A168" s="44" t="s">
        <v>545</v>
      </c>
      <c r="B168" s="158">
        <v>638</v>
      </c>
      <c r="C168" s="159">
        <v>0.25213330912360538</v>
      </c>
      <c r="D168" s="92">
        <v>3.4345259988453246E-2</v>
      </c>
      <c r="E168" s="159">
        <v>0.21784679999990295</v>
      </c>
      <c r="F168" s="92">
        <v>3.2676886145589952E-2</v>
      </c>
      <c r="G168" s="159">
        <v>0.38358864479225491</v>
      </c>
      <c r="H168" s="92">
        <v>3.8395931901519881E-2</v>
      </c>
      <c r="I168" s="159">
        <v>0.14643124608423988</v>
      </c>
      <c r="J168" s="92">
        <v>2.8078888774584122E-2</v>
      </c>
      <c r="K168" s="122">
        <v>636</v>
      </c>
      <c r="L168" s="121">
        <v>0.26692982439398483</v>
      </c>
      <c r="M168" s="92">
        <v>3.5031699273280856E-2</v>
      </c>
      <c r="N168" s="121">
        <v>0.19959552547177228</v>
      </c>
      <c r="O168" s="121">
        <v>3.1709783799337296E-2</v>
      </c>
      <c r="P168" s="121">
        <v>0.46831257686656058</v>
      </c>
      <c r="Q168" s="92">
        <v>3.9450001517157642E-2</v>
      </c>
      <c r="R168" s="121">
        <v>6.5162073267686152E-2</v>
      </c>
      <c r="S168" s="92">
        <v>1.9885946932141817E-2</v>
      </c>
      <c r="T168" s="122">
        <v>638</v>
      </c>
      <c r="U168" s="121">
        <v>0.13595348818190539</v>
      </c>
      <c r="V168" s="92">
        <v>2.7242587943289681E-2</v>
      </c>
      <c r="W168" s="121">
        <v>0.1719375431322776</v>
      </c>
      <c r="X168" s="121">
        <v>2.992326298257221E-2</v>
      </c>
      <c r="Y168" s="121">
        <v>0.66969924431646177</v>
      </c>
      <c r="Z168" s="92">
        <v>3.715421260703354E-2</v>
      </c>
      <c r="AA168" s="121">
        <v>2.2409724369359091E-2</v>
      </c>
      <c r="AB168" s="92">
        <v>1.2415683974796693E-2</v>
      </c>
    </row>
    <row r="169" spans="1:28">
      <c r="A169" s="52" t="s">
        <v>546</v>
      </c>
      <c r="B169" s="157">
        <v>66</v>
      </c>
      <c r="C169" s="160">
        <v>0.30691725323882985</v>
      </c>
      <c r="D169" s="89">
        <v>0.11131884678489105</v>
      </c>
      <c r="E169" s="160">
        <v>0.17691128912784135</v>
      </c>
      <c r="F169" s="89">
        <v>9.4778748737785384E-2</v>
      </c>
      <c r="G169" s="160">
        <v>0.3914484501390767</v>
      </c>
      <c r="H169" s="89">
        <v>0.11699200539905234</v>
      </c>
      <c r="I169" s="160">
        <v>0.12472300749425216</v>
      </c>
      <c r="J169" s="89">
        <v>8.4448630599608138E-2</v>
      </c>
      <c r="K169" s="119">
        <v>66</v>
      </c>
      <c r="L169" s="118">
        <v>0.29279401915975567</v>
      </c>
      <c r="M169" s="89">
        <v>0.11002136599449769</v>
      </c>
      <c r="N169" s="118">
        <v>0.20785433225774366</v>
      </c>
      <c r="O169" s="118">
        <v>9.9750087650133101E-2</v>
      </c>
      <c r="P169" s="118">
        <v>0.43633656464401627</v>
      </c>
      <c r="Q169" s="89">
        <v>0.11865843811468296</v>
      </c>
      <c r="R169" s="118">
        <v>6.3015083938484345E-2</v>
      </c>
      <c r="S169" s="89">
        <v>6.7715444899644719E-2</v>
      </c>
      <c r="T169" s="119">
        <v>66</v>
      </c>
      <c r="U169" s="118">
        <v>0.16391641800899098</v>
      </c>
      <c r="V169" s="89">
        <v>9.2454721701510673E-2</v>
      </c>
      <c r="W169" s="118">
        <v>0.21853435803153343</v>
      </c>
      <c r="X169" s="118">
        <v>0.10129799093477475</v>
      </c>
      <c r="Y169" s="118">
        <v>0.61754922395947609</v>
      </c>
      <c r="Z169" s="89">
        <v>0.1165494965286149</v>
      </c>
      <c r="AA169" s="118">
        <v>0</v>
      </c>
      <c r="AB169" s="89">
        <v>3.9824688710695409E-2</v>
      </c>
    </row>
    <row r="170" spans="1:28">
      <c r="A170" s="44" t="s">
        <v>547</v>
      </c>
      <c r="B170" s="158">
        <v>146</v>
      </c>
      <c r="C170" s="159">
        <v>0.17465743728173455</v>
      </c>
      <c r="D170" s="92">
        <v>6.3186952756356468E-2</v>
      </c>
      <c r="E170" s="159">
        <v>0.332987317567082</v>
      </c>
      <c r="F170" s="92">
        <v>7.7213913767708489E-2</v>
      </c>
      <c r="G170" s="159">
        <v>0.32534109403006056</v>
      </c>
      <c r="H170" s="92">
        <v>7.6785336455902756E-2</v>
      </c>
      <c r="I170" s="159">
        <v>0.16701415112112503</v>
      </c>
      <c r="J170" s="92">
        <v>6.217291030904086E-2</v>
      </c>
      <c r="K170" s="122">
        <v>147</v>
      </c>
      <c r="L170" s="121">
        <v>0.25077010768735186</v>
      </c>
      <c r="M170" s="92">
        <v>7.1155414705600564E-2</v>
      </c>
      <c r="N170" s="121">
        <v>0.22404991431199861</v>
      </c>
      <c r="O170" s="121">
        <v>6.8635223517338695E-2</v>
      </c>
      <c r="P170" s="121">
        <v>0.46548014018246792</v>
      </c>
      <c r="Q170" s="92">
        <v>8.1194831550753077E-2</v>
      </c>
      <c r="R170" s="121">
        <v>5.9699837818183561E-2</v>
      </c>
      <c r="S170" s="92">
        <v>4.1898863031461633E-2</v>
      </c>
      <c r="T170" s="122">
        <v>147</v>
      </c>
      <c r="U170" s="121">
        <v>0.16400396616438709</v>
      </c>
      <c r="V170" s="92">
        <v>6.1549215575178784E-2</v>
      </c>
      <c r="W170" s="121">
        <v>0.16424594927630487</v>
      </c>
      <c r="X170" s="121">
        <v>6.1582358221001769E-2</v>
      </c>
      <c r="Y170" s="121">
        <v>0.63185997969471464</v>
      </c>
      <c r="Z170" s="92">
        <v>7.865119800711641E-2</v>
      </c>
      <c r="AA170" s="121">
        <v>3.9890104864594232E-2</v>
      </c>
      <c r="AB170" s="92">
        <v>3.6162357169900197E-2</v>
      </c>
    </row>
    <row r="171" spans="1:28">
      <c r="A171" s="52" t="s">
        <v>548</v>
      </c>
      <c r="B171" s="157">
        <v>164</v>
      </c>
      <c r="C171" s="160">
        <v>0.21563781350729438</v>
      </c>
      <c r="D171" s="89">
        <v>6.4169209215050829E-2</v>
      </c>
      <c r="E171" s="160">
        <v>0.13480871563142163</v>
      </c>
      <c r="F171" s="89">
        <v>5.4096567322409472E-2</v>
      </c>
      <c r="G171" s="160">
        <v>0.49195896828896979</v>
      </c>
      <c r="H171" s="89">
        <v>7.714216685787631E-2</v>
      </c>
      <c r="I171" s="160">
        <v>0.15759450257231455</v>
      </c>
      <c r="J171" s="89">
        <v>5.7378223351320576E-2</v>
      </c>
      <c r="K171" s="119">
        <v>164</v>
      </c>
      <c r="L171" s="118">
        <v>0.2456132734424519</v>
      </c>
      <c r="M171" s="89">
        <v>6.696343367798531E-2</v>
      </c>
      <c r="N171" s="118">
        <v>0.16196892657393319</v>
      </c>
      <c r="O171" s="118">
        <v>5.7963742383890404E-2</v>
      </c>
      <c r="P171" s="118">
        <v>0.53042375161444177</v>
      </c>
      <c r="Q171" s="89">
        <v>7.7015450990137096E-2</v>
      </c>
      <c r="R171" s="118">
        <v>6.1994048369173653E-2</v>
      </c>
      <c r="S171" s="89">
        <v>3.9993364068449687E-2</v>
      </c>
      <c r="T171" s="119">
        <v>164</v>
      </c>
      <c r="U171" s="118">
        <v>9.8378531836587749E-2</v>
      </c>
      <c r="V171" s="89">
        <v>4.7881226946799776E-2</v>
      </c>
      <c r="W171" s="118">
        <v>0.13565895299888261</v>
      </c>
      <c r="X171" s="118">
        <v>5.4226489612304418E-2</v>
      </c>
      <c r="Y171" s="118">
        <v>0.73281775672601623</v>
      </c>
      <c r="Z171" s="89">
        <v>6.8720675511100476E-2</v>
      </c>
      <c r="AA171" s="118">
        <v>3.3144758438513638E-2</v>
      </c>
      <c r="AB171" s="89">
        <v>3.1736031802297587E-2</v>
      </c>
    </row>
    <row r="172" spans="1:28">
      <c r="A172" s="44" t="s">
        <v>549</v>
      </c>
      <c r="B172" s="158">
        <v>72</v>
      </c>
      <c r="C172" s="159">
        <v>0.37606286947450912</v>
      </c>
      <c r="D172" s="92">
        <v>0.11150027698010379</v>
      </c>
      <c r="E172" s="159">
        <v>0.28986895774427529</v>
      </c>
      <c r="F172" s="92">
        <v>0.10522420484671377</v>
      </c>
      <c r="G172" s="159">
        <v>0.13713576055535082</v>
      </c>
      <c r="H172" s="92">
        <v>8.3295559259414814E-2</v>
      </c>
      <c r="I172" s="159">
        <v>0.19693241222586433</v>
      </c>
      <c r="J172" s="92">
        <v>9.3910377864809158E-2</v>
      </c>
      <c r="K172" s="122">
        <v>71</v>
      </c>
      <c r="L172" s="121">
        <v>0.24740700560311402</v>
      </c>
      <c r="M172" s="92">
        <v>0.10140899929872486</v>
      </c>
      <c r="N172" s="121">
        <v>0.23256832407355707</v>
      </c>
      <c r="O172" s="121">
        <v>9.9573927787454997E-2</v>
      </c>
      <c r="P172" s="121">
        <v>0.47257810479736911</v>
      </c>
      <c r="Q172" s="92">
        <v>0.11531432055771847</v>
      </c>
      <c r="R172" s="121">
        <v>4.7446565525958953E-2</v>
      </c>
      <c r="S172" s="92">
        <v>5.9535382773276364E-2</v>
      </c>
      <c r="T172" s="122">
        <v>72</v>
      </c>
      <c r="U172" s="121">
        <v>0.13823786805449378</v>
      </c>
      <c r="V172" s="92">
        <v>8.3521701304388435E-2</v>
      </c>
      <c r="W172" s="121">
        <v>0.26315008175240112</v>
      </c>
      <c r="X172" s="121">
        <v>0.10250847482895976</v>
      </c>
      <c r="Y172" s="121">
        <v>0.59861205019310493</v>
      </c>
      <c r="Z172" s="92">
        <v>0.11268781765266829</v>
      </c>
      <c r="AA172" s="121">
        <v>0</v>
      </c>
      <c r="AB172" s="92">
        <v>3.6723195522334773E-2</v>
      </c>
    </row>
    <row r="173" spans="1:28">
      <c r="A173" s="52" t="s">
        <v>550</v>
      </c>
      <c r="B173" s="157">
        <v>121</v>
      </c>
      <c r="C173" s="160">
        <v>0.20988899871540465</v>
      </c>
      <c r="D173" s="89">
        <v>7.4002366178688314E-2</v>
      </c>
      <c r="E173" s="160">
        <v>0.26691046447003502</v>
      </c>
      <c r="F173" s="89">
        <v>7.9817952983624457E-2</v>
      </c>
      <c r="G173" s="160">
        <v>0.40696549955658545</v>
      </c>
      <c r="H173" s="89">
        <v>8.7979936867154315E-2</v>
      </c>
      <c r="I173" s="160">
        <v>0.11623503725797368</v>
      </c>
      <c r="J173" s="89">
        <v>5.986632527786033E-2</v>
      </c>
      <c r="K173" s="119">
        <v>120</v>
      </c>
      <c r="L173" s="118">
        <v>0.26633278637248492</v>
      </c>
      <c r="M173" s="89">
        <v>8.0093779989236669E-2</v>
      </c>
      <c r="N173" s="118">
        <v>0.20057186313032382</v>
      </c>
      <c r="O173" s="118">
        <v>7.3184219870963629E-2</v>
      </c>
      <c r="P173" s="118">
        <v>0.42185909164272972</v>
      </c>
      <c r="Q173" s="89">
        <v>8.8769651204821692E-2</v>
      </c>
      <c r="R173" s="118">
        <v>0.11123625885446026</v>
      </c>
      <c r="S173" s="89">
        <v>5.9148875280340879E-2</v>
      </c>
      <c r="T173" s="119">
        <v>120</v>
      </c>
      <c r="U173" s="118">
        <v>0.13431257494145823</v>
      </c>
      <c r="V173" s="89">
        <v>6.3439358934711795E-2</v>
      </c>
      <c r="W173" s="118">
        <v>0.14926187583079314</v>
      </c>
      <c r="X173" s="118">
        <v>6.5940186543801071E-2</v>
      </c>
      <c r="Y173" s="118">
        <v>0.69299766393035866</v>
      </c>
      <c r="Z173" s="89">
        <v>8.3302063078035629E-2</v>
      </c>
      <c r="AA173" s="118">
        <v>2.3427885297389352E-2</v>
      </c>
      <c r="AB173" s="89">
        <v>3.4685521662702161E-2</v>
      </c>
    </row>
    <row r="174" spans="1:28">
      <c r="A174" s="44" t="s">
        <v>551</v>
      </c>
      <c r="B174" s="158">
        <v>69</v>
      </c>
      <c r="C174" s="159">
        <v>0.41492017960966554</v>
      </c>
      <c r="D174" s="92">
        <v>0.11551740884312871</v>
      </c>
      <c r="E174" s="159">
        <v>0.13841721668888915</v>
      </c>
      <c r="F174" s="92">
        <v>8.542985520266462E-2</v>
      </c>
      <c r="G174" s="159">
        <v>0.30968996500989582</v>
      </c>
      <c r="H174" s="92">
        <v>0.10920445433849646</v>
      </c>
      <c r="I174" s="159">
        <v>0.13697263869154905</v>
      </c>
      <c r="J174" s="92">
        <v>8.5129413875406859E-2</v>
      </c>
      <c r="K174" s="122">
        <v>68</v>
      </c>
      <c r="L174" s="121">
        <v>0.33341069773604959</v>
      </c>
      <c r="M174" s="92">
        <v>0.11186447781270857</v>
      </c>
      <c r="N174" s="121">
        <v>0.22664037827592207</v>
      </c>
      <c r="O174" s="121">
        <v>0.10092536142718546</v>
      </c>
      <c r="P174" s="121">
        <v>0.43994892398802804</v>
      </c>
      <c r="Q174" s="92">
        <v>0.117090520428749</v>
      </c>
      <c r="R174" s="121">
        <v>0</v>
      </c>
      <c r="S174" s="92">
        <v>3.8734260487688681E-2</v>
      </c>
      <c r="T174" s="122">
        <v>69</v>
      </c>
      <c r="U174" s="121">
        <v>0.16881885629949475</v>
      </c>
      <c r="V174" s="92">
        <v>9.1264952169126168E-2</v>
      </c>
      <c r="W174" s="121">
        <v>0.22604835864032469</v>
      </c>
      <c r="X174" s="121">
        <v>0.10012314870524269</v>
      </c>
      <c r="Y174" s="121">
        <v>0.60513278506018009</v>
      </c>
      <c r="Z174" s="92">
        <v>0.11470634068304948</v>
      </c>
      <c r="AA174" s="121">
        <v>0</v>
      </c>
      <c r="AB174" s="92">
        <v>3.821112970151376E-2</v>
      </c>
    </row>
  </sheetData>
  <mergeCells count="24">
    <mergeCell ref="K150:S150"/>
    <mergeCell ref="T150:AB150"/>
    <mergeCell ref="A119:D119"/>
    <mergeCell ref="A120:D120"/>
    <mergeCell ref="A3:O3"/>
    <mergeCell ref="A4:O4"/>
    <mergeCell ref="E5:O5"/>
    <mergeCell ref="A32:I32"/>
    <mergeCell ref="B92:H92"/>
    <mergeCell ref="I92:O92"/>
    <mergeCell ref="B150:J150"/>
    <mergeCell ref="A91:V91"/>
    <mergeCell ref="A5:D5"/>
    <mergeCell ref="A34:D34"/>
    <mergeCell ref="A61:D61"/>
    <mergeCell ref="A62:D62"/>
    <mergeCell ref="A149:AB149"/>
    <mergeCell ref="A148:AB148"/>
    <mergeCell ref="P92:V92"/>
    <mergeCell ref="E34:I34"/>
    <mergeCell ref="A33:I33"/>
    <mergeCell ref="A63:D63"/>
    <mergeCell ref="A90:V90"/>
    <mergeCell ref="A121:D121"/>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53.140625" customWidth="1"/>
  </cols>
  <sheetData>
    <row r="1" spans="1:4" ht="31.5">
      <c r="A1" s="30" t="s">
        <v>39</v>
      </c>
    </row>
    <row r="3" spans="1:4" ht="18.75">
      <c r="A3" s="336" t="s">
        <v>11</v>
      </c>
      <c r="B3" s="336"/>
      <c r="C3" s="336"/>
      <c r="D3" s="336"/>
    </row>
    <row r="4" spans="1:4" ht="133.5" customHeight="1">
      <c r="A4" s="389" t="s">
        <v>468</v>
      </c>
      <c r="B4" s="389"/>
      <c r="C4" s="389"/>
      <c r="D4" s="389"/>
    </row>
    <row r="5" spans="1:4" ht="38.25" customHeight="1">
      <c r="A5" s="338" t="s">
        <v>122</v>
      </c>
      <c r="B5" s="338"/>
      <c r="C5" s="338"/>
      <c r="D5" s="338"/>
    </row>
    <row r="6" spans="1:4" ht="72">
      <c r="A6" s="32" t="s">
        <v>71</v>
      </c>
      <c r="B6" s="33" t="s">
        <v>72</v>
      </c>
      <c r="C6" s="34" t="s">
        <v>589</v>
      </c>
      <c r="D6" s="35" t="s">
        <v>73</v>
      </c>
    </row>
    <row r="7" spans="1:4" ht="72">
      <c r="A7" s="36"/>
      <c r="B7" s="37" t="s">
        <v>74</v>
      </c>
      <c r="C7" s="123" t="s">
        <v>123</v>
      </c>
      <c r="D7" s="39" t="s">
        <v>76</v>
      </c>
    </row>
    <row r="8" spans="1:4">
      <c r="A8" s="40" t="s">
        <v>349</v>
      </c>
      <c r="B8" s="161">
        <v>13038</v>
      </c>
      <c r="C8" s="162">
        <v>4.3063938454541928</v>
      </c>
      <c r="D8" s="81">
        <v>2.3278647383610147E-2</v>
      </c>
    </row>
    <row r="9" spans="1:4">
      <c r="A9" s="44" t="s">
        <v>350</v>
      </c>
      <c r="B9" s="44">
        <v>9671</v>
      </c>
      <c r="C9" s="164">
        <v>4.2588562671727557</v>
      </c>
      <c r="D9" s="82">
        <v>2.7110082737648852E-2</v>
      </c>
    </row>
    <row r="10" spans="1:4">
      <c r="A10" s="40" t="s">
        <v>351</v>
      </c>
      <c r="B10" s="48">
        <v>3367</v>
      </c>
      <c r="C10" s="162">
        <v>4.3459776287948415</v>
      </c>
      <c r="D10" s="81">
        <v>4.5414474455323685E-2</v>
      </c>
    </row>
    <row r="11" spans="1:4">
      <c r="A11" s="44" t="s">
        <v>533</v>
      </c>
      <c r="B11" s="44">
        <v>3032</v>
      </c>
      <c r="C11" s="164">
        <v>4.3477820664551761</v>
      </c>
      <c r="D11" s="82">
        <v>4.6927449679057029E-2</v>
      </c>
    </row>
    <row r="12" spans="1:4">
      <c r="A12" s="40" t="s">
        <v>534</v>
      </c>
      <c r="B12" s="48">
        <v>2404</v>
      </c>
      <c r="C12" s="162">
        <v>4.3290965778949957</v>
      </c>
      <c r="D12" s="81">
        <v>5.2277732063965701E-2</v>
      </c>
    </row>
    <row r="13" spans="1:4">
      <c r="A13" s="44" t="s">
        <v>535</v>
      </c>
      <c r="B13" s="44">
        <v>466</v>
      </c>
      <c r="C13" s="164">
        <v>4.4252618615029284</v>
      </c>
      <c r="D13" s="82">
        <v>0.11277061691445364</v>
      </c>
    </row>
    <row r="14" spans="1:4">
      <c r="A14" s="40" t="s">
        <v>536</v>
      </c>
      <c r="B14" s="48">
        <v>86</v>
      </c>
      <c r="C14" s="162">
        <v>4.3914775930299035</v>
      </c>
      <c r="D14" s="81">
        <v>0.25626721195820867</v>
      </c>
    </row>
    <row r="15" spans="1:4">
      <c r="A15" s="44" t="s">
        <v>537</v>
      </c>
      <c r="B15" s="44">
        <v>136</v>
      </c>
      <c r="C15" s="164">
        <v>4.5877826090851839</v>
      </c>
      <c r="D15" s="82">
        <v>0.19274574754810836</v>
      </c>
    </row>
    <row r="16" spans="1:4">
      <c r="A16" s="40" t="s">
        <v>538</v>
      </c>
      <c r="B16" s="48">
        <v>102</v>
      </c>
      <c r="C16" s="162">
        <v>4.4674387083214526</v>
      </c>
      <c r="D16" s="81">
        <v>0.2399801478609124</v>
      </c>
    </row>
    <row r="17" spans="1:37">
      <c r="A17" s="44" t="s">
        <v>539</v>
      </c>
      <c r="B17" s="44">
        <v>142</v>
      </c>
      <c r="C17" s="164">
        <v>4.3124745611308297</v>
      </c>
      <c r="D17" s="82">
        <v>0.22170735933969943</v>
      </c>
    </row>
    <row r="18" spans="1:37">
      <c r="A18" s="40" t="s">
        <v>540</v>
      </c>
      <c r="B18" s="161">
        <v>330</v>
      </c>
      <c r="C18" s="162">
        <v>4.3371725339680927</v>
      </c>
      <c r="D18" s="81">
        <v>0.13996733540572431</v>
      </c>
    </row>
    <row r="19" spans="1:37">
      <c r="A19" s="44" t="s">
        <v>541</v>
      </c>
      <c r="B19" s="163">
        <v>110</v>
      </c>
      <c r="C19" s="164">
        <v>4.1707707117943942</v>
      </c>
      <c r="D19" s="82">
        <v>0.23909931264702711</v>
      </c>
    </row>
    <row r="20" spans="1:37">
      <c r="A20" s="40" t="s">
        <v>542</v>
      </c>
      <c r="B20" s="78">
        <v>90</v>
      </c>
      <c r="C20" s="162">
        <v>4.4327567550089899</v>
      </c>
      <c r="D20" s="81">
        <v>0.25444259653961709</v>
      </c>
    </row>
    <row r="21" spans="1:37">
      <c r="A21" s="44" t="s">
        <v>543</v>
      </c>
      <c r="B21" s="163">
        <v>74</v>
      </c>
      <c r="C21" s="164">
        <v>4.2318371940561894</v>
      </c>
      <c r="D21" s="82">
        <v>0.29432459137634492</v>
      </c>
    </row>
    <row r="22" spans="1:37">
      <c r="A22" s="52" t="s">
        <v>544</v>
      </c>
      <c r="B22" s="161">
        <v>56</v>
      </c>
      <c r="C22" s="162">
        <v>4.6781228405347255</v>
      </c>
      <c r="D22" s="81">
        <v>0.34686936289746967</v>
      </c>
    </row>
    <row r="23" spans="1:37">
      <c r="A23" s="44" t="s">
        <v>545</v>
      </c>
      <c r="B23" s="163">
        <v>610</v>
      </c>
      <c r="C23" s="164">
        <v>4.3300393251141926</v>
      </c>
      <c r="D23" s="82">
        <v>0.10380407103316158</v>
      </c>
    </row>
    <row r="24" spans="1:37">
      <c r="A24" s="52" t="s">
        <v>546</v>
      </c>
      <c r="B24" s="161">
        <v>64</v>
      </c>
      <c r="C24" s="162">
        <v>4.4734227101218735</v>
      </c>
      <c r="D24" s="81">
        <v>0.3389064601329993</v>
      </c>
    </row>
    <row r="25" spans="1:37">
      <c r="A25" s="44" t="s">
        <v>547</v>
      </c>
      <c r="B25" s="163">
        <v>139</v>
      </c>
      <c r="C25" s="164">
        <v>4.4756261596980957</v>
      </c>
      <c r="D25" s="82">
        <v>0.2016686369882105</v>
      </c>
    </row>
    <row r="26" spans="1:37">
      <c r="A26" s="52" t="s">
        <v>548</v>
      </c>
      <c r="B26" s="161">
        <v>157</v>
      </c>
      <c r="C26" s="162">
        <v>4.3013802682568301</v>
      </c>
      <c r="D26" s="81">
        <v>0.19389410064205603</v>
      </c>
    </row>
    <row r="27" spans="1:37">
      <c r="A27" s="44" t="s">
        <v>549</v>
      </c>
      <c r="B27" s="163">
        <v>68</v>
      </c>
      <c r="C27" s="164">
        <v>3.9152759255274225</v>
      </c>
      <c r="D27" s="82">
        <v>0.32459077840188216</v>
      </c>
    </row>
    <row r="28" spans="1:37">
      <c r="A28" s="52" t="s">
        <v>550</v>
      </c>
      <c r="B28" s="161">
        <v>113</v>
      </c>
      <c r="C28" s="162">
        <v>4.4027045199659067</v>
      </c>
      <c r="D28" s="81">
        <v>0.26498971801093651</v>
      </c>
    </row>
    <row r="29" spans="1:37">
      <c r="A29" s="44" t="s">
        <v>551</v>
      </c>
      <c r="B29" s="163">
        <v>69</v>
      </c>
      <c r="C29" s="164">
        <v>4.2248003547929969</v>
      </c>
      <c r="D29" s="82">
        <v>0.31341592882251296</v>
      </c>
    </row>
    <row r="32" spans="1:37" ht="18.75">
      <c r="A32" s="336" t="s">
        <v>42</v>
      </c>
      <c r="B32" s="336"/>
      <c r="C32" s="336"/>
      <c r="D32" s="336"/>
      <c r="E32" s="336"/>
      <c r="F32" s="336"/>
      <c r="G32" s="336"/>
      <c r="H32" s="336"/>
      <c r="I32" s="336"/>
      <c r="J32" s="336"/>
      <c r="K32" s="336"/>
      <c r="L32" s="336"/>
      <c r="M32" s="336"/>
      <c r="N32" s="336"/>
      <c r="O32" s="336"/>
      <c r="P32" s="336"/>
      <c r="Q32" s="336"/>
      <c r="R32" s="336"/>
      <c r="S32" s="336"/>
      <c r="T32" s="336"/>
      <c r="U32" s="336"/>
      <c r="V32" s="336"/>
      <c r="W32" s="336"/>
      <c r="X32" s="336"/>
      <c r="Y32" s="336"/>
      <c r="Z32" s="336"/>
      <c r="AA32" s="336"/>
      <c r="AB32" s="336"/>
      <c r="AC32" s="336"/>
      <c r="AD32" s="336"/>
      <c r="AE32" s="336"/>
      <c r="AF32" s="336"/>
      <c r="AG32" s="336"/>
      <c r="AH32" s="336"/>
      <c r="AI32" s="336"/>
      <c r="AJ32" s="336"/>
      <c r="AK32" s="336"/>
    </row>
    <row r="33" spans="1:45" ht="64.5" customHeight="1">
      <c r="A33" s="405" t="s">
        <v>598</v>
      </c>
      <c r="B33" s="405"/>
      <c r="C33" s="405"/>
      <c r="D33" s="405"/>
      <c r="E33" s="405"/>
      <c r="F33" s="405"/>
      <c r="G33" s="405"/>
      <c r="H33" s="405"/>
      <c r="I33" s="405"/>
      <c r="J33" s="405"/>
      <c r="K33" s="405"/>
      <c r="L33" s="405"/>
      <c r="M33" s="405"/>
      <c r="N33" s="405"/>
      <c r="O33" s="405"/>
      <c r="P33" s="405"/>
      <c r="Q33" s="405"/>
      <c r="R33" s="405"/>
      <c r="S33" s="405"/>
      <c r="T33" s="405"/>
      <c r="U33" s="405"/>
      <c r="V33" s="405"/>
      <c r="W33" s="405"/>
      <c r="X33" s="405"/>
      <c r="Y33" s="405"/>
      <c r="Z33" s="405"/>
      <c r="AA33" s="405"/>
      <c r="AB33" s="405"/>
      <c r="AC33" s="405"/>
      <c r="AD33" s="405"/>
      <c r="AE33" s="405"/>
      <c r="AF33" s="405"/>
      <c r="AG33" s="405"/>
      <c r="AH33" s="405"/>
      <c r="AI33" s="405"/>
      <c r="AJ33" s="405"/>
      <c r="AK33" s="405"/>
    </row>
    <row r="34" spans="1:45" ht="39" customHeight="1">
      <c r="A34" s="59"/>
      <c r="B34" s="390" t="s">
        <v>124</v>
      </c>
      <c r="C34" s="403"/>
      <c r="D34" s="403"/>
      <c r="E34" s="403"/>
      <c r="F34" s="403"/>
      <c r="G34" s="403"/>
      <c r="H34" s="403"/>
      <c r="I34" s="403"/>
      <c r="J34" s="404"/>
      <c r="K34" s="390" t="s">
        <v>386</v>
      </c>
      <c r="L34" s="403"/>
      <c r="M34" s="403"/>
      <c r="N34" s="403"/>
      <c r="O34" s="403"/>
      <c r="P34" s="403"/>
      <c r="Q34" s="403"/>
      <c r="R34" s="403"/>
      <c r="S34" s="404"/>
      <c r="T34" s="390" t="s">
        <v>125</v>
      </c>
      <c r="U34" s="403"/>
      <c r="V34" s="403"/>
      <c r="W34" s="403"/>
      <c r="X34" s="403"/>
      <c r="Y34" s="403"/>
      <c r="Z34" s="403"/>
      <c r="AA34" s="403"/>
      <c r="AB34" s="404"/>
      <c r="AC34" s="390" t="s">
        <v>387</v>
      </c>
      <c r="AD34" s="403"/>
      <c r="AE34" s="403"/>
      <c r="AF34" s="403"/>
      <c r="AG34" s="403"/>
      <c r="AH34" s="403"/>
      <c r="AI34" s="403"/>
      <c r="AJ34" s="403"/>
      <c r="AK34" s="404"/>
      <c r="AL34" s="289"/>
      <c r="AM34" s="289"/>
      <c r="AN34" s="289"/>
      <c r="AO34" s="289"/>
      <c r="AP34" s="289"/>
      <c r="AQ34" s="289"/>
      <c r="AR34" s="289"/>
      <c r="AS34" s="289"/>
    </row>
    <row r="35" spans="1:45" ht="72">
      <c r="A35" s="32" t="s">
        <v>71</v>
      </c>
      <c r="B35" s="33" t="s">
        <v>72</v>
      </c>
      <c r="C35" s="33" t="s">
        <v>156</v>
      </c>
      <c r="D35" s="84" t="s">
        <v>85</v>
      </c>
      <c r="E35" s="33" t="s">
        <v>157</v>
      </c>
      <c r="F35" s="84" t="s">
        <v>86</v>
      </c>
      <c r="G35" s="33" t="s">
        <v>158</v>
      </c>
      <c r="H35" s="84" t="s">
        <v>87</v>
      </c>
      <c r="I35" s="33" t="s">
        <v>301</v>
      </c>
      <c r="J35" s="84" t="s">
        <v>300</v>
      </c>
      <c r="K35" s="60" t="s">
        <v>72</v>
      </c>
      <c r="L35" s="60" t="s">
        <v>156</v>
      </c>
      <c r="M35" s="83" t="s">
        <v>85</v>
      </c>
      <c r="N35" s="60" t="s">
        <v>157</v>
      </c>
      <c r="O35" s="83" t="s">
        <v>86</v>
      </c>
      <c r="P35" s="60" t="s">
        <v>158</v>
      </c>
      <c r="Q35" s="83" t="s">
        <v>87</v>
      </c>
      <c r="R35" s="60" t="s">
        <v>301</v>
      </c>
      <c r="S35" s="83" t="s">
        <v>300</v>
      </c>
      <c r="T35" s="33" t="s">
        <v>72</v>
      </c>
      <c r="U35" s="33" t="s">
        <v>156</v>
      </c>
      <c r="V35" s="84" t="s">
        <v>85</v>
      </c>
      <c r="W35" s="33" t="s">
        <v>157</v>
      </c>
      <c r="X35" s="84" t="s">
        <v>86</v>
      </c>
      <c r="Y35" s="33" t="s">
        <v>158</v>
      </c>
      <c r="Z35" s="84" t="s">
        <v>87</v>
      </c>
      <c r="AA35" s="33" t="s">
        <v>301</v>
      </c>
      <c r="AB35" s="84" t="s">
        <v>300</v>
      </c>
      <c r="AC35" s="60" t="s">
        <v>72</v>
      </c>
      <c r="AD35" s="60" t="s">
        <v>156</v>
      </c>
      <c r="AE35" s="83" t="s">
        <v>85</v>
      </c>
      <c r="AF35" s="60" t="s">
        <v>157</v>
      </c>
      <c r="AG35" s="83" t="s">
        <v>86</v>
      </c>
      <c r="AH35" s="60" t="s">
        <v>158</v>
      </c>
      <c r="AI35" s="83" t="s">
        <v>87</v>
      </c>
      <c r="AJ35" s="60" t="s">
        <v>301</v>
      </c>
      <c r="AK35" s="83" t="s">
        <v>300</v>
      </c>
    </row>
    <row r="36" spans="1:45" ht="84">
      <c r="A36" s="36"/>
      <c r="B36" s="37" t="s">
        <v>74</v>
      </c>
      <c r="C36" s="37" t="s">
        <v>159</v>
      </c>
      <c r="D36" s="86" t="s">
        <v>126</v>
      </c>
      <c r="E36" s="37" t="s">
        <v>160</v>
      </c>
      <c r="F36" s="86" t="s">
        <v>127</v>
      </c>
      <c r="G36" s="37" t="s">
        <v>161</v>
      </c>
      <c r="H36" s="86" t="s">
        <v>128</v>
      </c>
      <c r="I36" s="37" t="s">
        <v>301</v>
      </c>
      <c r="J36" s="86" t="s">
        <v>88</v>
      </c>
      <c r="K36" s="63" t="s">
        <v>74</v>
      </c>
      <c r="L36" s="63" t="s">
        <v>159</v>
      </c>
      <c r="M36" s="85" t="s">
        <v>126</v>
      </c>
      <c r="N36" s="63" t="s">
        <v>160</v>
      </c>
      <c r="O36" s="85" t="s">
        <v>127</v>
      </c>
      <c r="P36" s="63" t="s">
        <v>161</v>
      </c>
      <c r="Q36" s="85" t="s">
        <v>128</v>
      </c>
      <c r="R36" s="63" t="s">
        <v>301</v>
      </c>
      <c r="S36" s="85" t="s">
        <v>88</v>
      </c>
      <c r="T36" s="37" t="s">
        <v>74</v>
      </c>
      <c r="U36" s="37" t="s">
        <v>159</v>
      </c>
      <c r="V36" s="86" t="s">
        <v>126</v>
      </c>
      <c r="W36" s="37" t="s">
        <v>160</v>
      </c>
      <c r="X36" s="86" t="s">
        <v>127</v>
      </c>
      <c r="Y36" s="37" t="s">
        <v>161</v>
      </c>
      <c r="Z36" s="86" t="s">
        <v>128</v>
      </c>
      <c r="AA36" s="37" t="s">
        <v>301</v>
      </c>
      <c r="AB36" s="86" t="s">
        <v>88</v>
      </c>
      <c r="AC36" s="63" t="s">
        <v>74</v>
      </c>
      <c r="AD36" s="63" t="s">
        <v>159</v>
      </c>
      <c r="AE36" s="85" t="s">
        <v>126</v>
      </c>
      <c r="AF36" s="63" t="s">
        <v>160</v>
      </c>
      <c r="AG36" s="85" t="s">
        <v>127</v>
      </c>
      <c r="AH36" s="63" t="s">
        <v>161</v>
      </c>
      <c r="AI36" s="85" t="s">
        <v>128</v>
      </c>
      <c r="AJ36" s="63" t="s">
        <v>301</v>
      </c>
      <c r="AK36" s="85" t="s">
        <v>88</v>
      </c>
    </row>
    <row r="37" spans="1:45">
      <c r="A37" s="40" t="s">
        <v>349</v>
      </c>
      <c r="B37" s="161">
        <v>13880</v>
      </c>
      <c r="C37" s="165">
        <v>0.29135498375824709</v>
      </c>
      <c r="D37" s="89">
        <v>7.7130236530871749E-3</v>
      </c>
      <c r="E37" s="165">
        <v>0.20774797413696611</v>
      </c>
      <c r="F37" s="89">
        <v>6.8871205039825641E-3</v>
      </c>
      <c r="G37" s="165">
        <v>0.42667464265435678</v>
      </c>
      <c r="H37" s="89">
        <v>8.3950721840318297E-3</v>
      </c>
      <c r="I37" s="88">
        <v>7.4222399450447132E-2</v>
      </c>
      <c r="J37" s="89">
        <v>4.4526989233520213E-3</v>
      </c>
      <c r="K37" s="161">
        <v>13890</v>
      </c>
      <c r="L37" s="165">
        <v>0.34189549028266986</v>
      </c>
      <c r="M37" s="89">
        <v>8.0486743476053009E-3</v>
      </c>
      <c r="N37" s="165">
        <v>0.19965478829868658</v>
      </c>
      <c r="O37" s="89">
        <v>6.7836815219318699E-3</v>
      </c>
      <c r="P37" s="165">
        <v>0.38036655567884892</v>
      </c>
      <c r="Q37" s="89">
        <v>8.2374449806215944E-3</v>
      </c>
      <c r="R37" s="88">
        <v>7.8083165739812943E-2</v>
      </c>
      <c r="S37" s="89">
        <v>4.5556447490135397E-3</v>
      </c>
      <c r="T37" s="161">
        <v>13870</v>
      </c>
      <c r="U37" s="165">
        <v>0.27724897641459306</v>
      </c>
      <c r="V37" s="89">
        <v>7.6013281544836074E-3</v>
      </c>
      <c r="W37" s="165">
        <v>0.17088162611656965</v>
      </c>
      <c r="X37" s="89">
        <v>6.3926480768412685E-3</v>
      </c>
      <c r="Y37" s="165">
        <v>0.47270941898900426</v>
      </c>
      <c r="Z37" s="89">
        <v>8.4771849695039116E-3</v>
      </c>
      <c r="AA37" s="88">
        <v>7.9159978479849333E-2</v>
      </c>
      <c r="AB37" s="89">
        <v>4.5875207340211428E-3</v>
      </c>
      <c r="AC37" s="161">
        <v>13866</v>
      </c>
      <c r="AD37" s="165">
        <v>0.18962844274582047</v>
      </c>
      <c r="AE37" s="89">
        <v>6.6583111622112584E-3</v>
      </c>
      <c r="AF37" s="165">
        <v>0.20424099143650934</v>
      </c>
      <c r="AG37" s="89">
        <v>6.8473320865241206E-3</v>
      </c>
      <c r="AH37" s="165">
        <v>0.5516637581328524</v>
      </c>
      <c r="AI37" s="89">
        <v>8.4456341950027262E-3</v>
      </c>
      <c r="AJ37" s="88">
        <v>5.4466807684833363E-2</v>
      </c>
      <c r="AK37" s="89">
        <v>3.8581424358494704E-3</v>
      </c>
    </row>
    <row r="38" spans="1:45">
      <c r="A38" s="44" t="s">
        <v>350</v>
      </c>
      <c r="B38" s="163">
        <v>10168</v>
      </c>
      <c r="C38" s="166">
        <v>0.33326677326710175</v>
      </c>
      <c r="D38" s="92">
        <v>9.3480330482870848E-3</v>
      </c>
      <c r="E38" s="166">
        <v>0.19428790359081041</v>
      </c>
      <c r="F38" s="92">
        <v>7.8476849694572807E-3</v>
      </c>
      <c r="G38" s="166">
        <v>0.41315788767892103</v>
      </c>
      <c r="H38" s="92">
        <v>9.7645175620285907E-3</v>
      </c>
      <c r="I38" s="91">
        <v>5.9287435463167414E-2</v>
      </c>
      <c r="J38" s="92">
        <v>4.6895420877363717E-3</v>
      </c>
      <c r="K38" s="163">
        <v>10170</v>
      </c>
      <c r="L38" s="166">
        <v>0.39402579456126929</v>
      </c>
      <c r="M38" s="92">
        <v>9.6890579643586581E-3</v>
      </c>
      <c r="N38" s="166">
        <v>0.18979803786146401</v>
      </c>
      <c r="O38" s="92">
        <v>7.7773820216411422E-3</v>
      </c>
      <c r="P38" s="166">
        <v>0.35379391199148785</v>
      </c>
      <c r="Q38" s="92">
        <v>9.48114504039641E-3</v>
      </c>
      <c r="R38" s="91">
        <v>6.2382255585778743E-2</v>
      </c>
      <c r="S38" s="92">
        <v>4.8015980641209861E-3</v>
      </c>
      <c r="T38" s="163">
        <v>10158</v>
      </c>
      <c r="U38" s="166">
        <v>0.2617227838355578</v>
      </c>
      <c r="V38" s="92">
        <v>8.7221010497714763E-3</v>
      </c>
      <c r="W38" s="166">
        <v>0.15472642745560647</v>
      </c>
      <c r="X38" s="92">
        <v>7.1775632918835621E-3</v>
      </c>
      <c r="Y38" s="166">
        <v>0.51047888836438104</v>
      </c>
      <c r="Z38" s="92">
        <v>9.9177939588992944E-3</v>
      </c>
      <c r="AA38" s="91">
        <v>7.307190034444877E-2</v>
      </c>
      <c r="AB38" s="92">
        <v>5.168899282576263E-3</v>
      </c>
      <c r="AC38" s="163">
        <v>10150</v>
      </c>
      <c r="AD38" s="166">
        <v>0.19876171915823659</v>
      </c>
      <c r="AE38" s="92">
        <v>7.9223874203287852E-3</v>
      </c>
      <c r="AF38" s="166">
        <v>0.19577903998632742</v>
      </c>
      <c r="AG38" s="92">
        <v>7.8773969127038865E-3</v>
      </c>
      <c r="AH38" s="166">
        <v>0.56270077896976678</v>
      </c>
      <c r="AI38" s="92">
        <v>9.8456016184728413E-3</v>
      </c>
      <c r="AJ38" s="91">
        <v>4.2758461885663117E-2</v>
      </c>
      <c r="AK38" s="92">
        <v>4.0235109008786556E-3</v>
      </c>
    </row>
    <row r="39" spans="1:45">
      <c r="A39" s="40" t="s">
        <v>351</v>
      </c>
      <c r="B39" s="161">
        <v>3712</v>
      </c>
      <c r="C39" s="165">
        <v>0.25751204521443621</v>
      </c>
      <c r="D39" s="89">
        <v>1.435090423557771E-2</v>
      </c>
      <c r="E39" s="165">
        <v>0.21861671406972916</v>
      </c>
      <c r="F39" s="89">
        <v>1.3566953538342721E-2</v>
      </c>
      <c r="G39" s="165">
        <v>0.43758915413920407</v>
      </c>
      <c r="H39" s="89">
        <v>1.6276448788270725E-2</v>
      </c>
      <c r="I39" s="88">
        <v>8.6282086576631195E-2</v>
      </c>
      <c r="J39" s="89">
        <v>9.2335897220080995E-3</v>
      </c>
      <c r="K39" s="161">
        <v>3720</v>
      </c>
      <c r="L39" s="165">
        <v>0.29988188691440143</v>
      </c>
      <c r="M39" s="89">
        <v>1.5020169942289666E-2</v>
      </c>
      <c r="N39" s="165">
        <v>0.20759868214507307</v>
      </c>
      <c r="O39" s="89">
        <v>1.3300018210992307E-2</v>
      </c>
      <c r="P39" s="165">
        <v>0.40178236223849839</v>
      </c>
      <c r="Q39" s="89">
        <v>1.6068262271909963E-2</v>
      </c>
      <c r="R39" s="88">
        <v>9.0737068702027524E-2</v>
      </c>
      <c r="S39" s="89">
        <v>9.4342361478275787E-3</v>
      </c>
      <c r="T39" s="161">
        <v>3712</v>
      </c>
      <c r="U39" s="165">
        <v>0.28976239904789852</v>
      </c>
      <c r="V39" s="89">
        <v>1.488727849610906E-2</v>
      </c>
      <c r="W39" s="165">
        <v>0.1839019997555458</v>
      </c>
      <c r="X39" s="89">
        <v>1.2719421723788366E-2</v>
      </c>
      <c r="Y39" s="165">
        <v>0.44226890174535066</v>
      </c>
      <c r="Z39" s="89">
        <v>1.6294989609164812E-2</v>
      </c>
      <c r="AA39" s="88">
        <v>8.4066699451206095E-2</v>
      </c>
      <c r="AB39" s="89">
        <v>9.1260597318304666E-3</v>
      </c>
      <c r="AC39" s="161">
        <v>3716</v>
      </c>
      <c r="AD39" s="165">
        <v>0.18226540276901662</v>
      </c>
      <c r="AE39" s="89">
        <v>1.2668720141177653E-2</v>
      </c>
      <c r="AF39" s="165">
        <v>0.21106282447822419</v>
      </c>
      <c r="AG39" s="89">
        <v>1.3388116583072094E-2</v>
      </c>
      <c r="AH39" s="165">
        <v>0.54276596264550536</v>
      </c>
      <c r="AI39" s="89">
        <v>1.6335692286377296E-2</v>
      </c>
      <c r="AJ39" s="88">
        <v>6.3905810107254254E-2</v>
      </c>
      <c r="AK39" s="89">
        <v>8.0476152154377954E-3</v>
      </c>
    </row>
    <row r="40" spans="1:45">
      <c r="A40" s="44" t="s">
        <v>533</v>
      </c>
      <c r="B40" s="163">
        <v>3191</v>
      </c>
      <c r="C40" s="166">
        <v>0.29833749711067198</v>
      </c>
      <c r="D40" s="92">
        <v>1.6192658538822621E-2</v>
      </c>
      <c r="E40" s="166">
        <v>0.21910972053017783</v>
      </c>
      <c r="F40" s="92">
        <v>1.4644374193184871E-2</v>
      </c>
      <c r="G40" s="166">
        <v>0.40174685202692034</v>
      </c>
      <c r="H40" s="92">
        <v>1.7347429290185911E-2</v>
      </c>
      <c r="I40" s="91">
        <v>8.0805930332225773E-2</v>
      </c>
      <c r="J40" s="92">
        <v>9.6716712440776224E-3</v>
      </c>
      <c r="K40" s="163">
        <v>3197</v>
      </c>
      <c r="L40" s="166">
        <v>0.32801736495117878</v>
      </c>
      <c r="M40" s="92">
        <v>1.6599208023065495E-2</v>
      </c>
      <c r="N40" s="166">
        <v>0.21057216975042045</v>
      </c>
      <c r="O40" s="92">
        <v>1.4421717977231293E-2</v>
      </c>
      <c r="P40" s="166">
        <v>0.38126123201919104</v>
      </c>
      <c r="Q40" s="92">
        <v>1.7170563914829035E-2</v>
      </c>
      <c r="R40" s="91">
        <v>8.0149233279205048E-2</v>
      </c>
      <c r="S40" s="92">
        <v>9.6269438237973418E-3</v>
      </c>
      <c r="T40" s="163">
        <v>3198</v>
      </c>
      <c r="U40" s="166">
        <v>0.26160829848082517</v>
      </c>
      <c r="V40" s="92">
        <v>1.5539890267917274E-2</v>
      </c>
      <c r="W40" s="166">
        <v>0.16947354968558578</v>
      </c>
      <c r="X40" s="92">
        <v>1.3272949855822107E-2</v>
      </c>
      <c r="Y40" s="166">
        <v>0.49600501857962287</v>
      </c>
      <c r="Z40" s="92">
        <v>1.7671585155001272E-2</v>
      </c>
      <c r="AA40" s="91">
        <v>7.2913133253961288E-2</v>
      </c>
      <c r="AB40" s="92">
        <v>9.2202047610442286E-3</v>
      </c>
      <c r="AC40" s="163">
        <v>3189</v>
      </c>
      <c r="AD40" s="166">
        <v>0.16641147673250223</v>
      </c>
      <c r="AE40" s="92">
        <v>1.3195740738907611E-2</v>
      </c>
      <c r="AF40" s="166">
        <v>0.20246081102378369</v>
      </c>
      <c r="AG40" s="92">
        <v>1.4232295058610313E-2</v>
      </c>
      <c r="AH40" s="166">
        <v>0.57498627715920225</v>
      </c>
      <c r="AI40" s="92">
        <v>1.7497389634339118E-2</v>
      </c>
      <c r="AJ40" s="91">
        <v>5.614143508450712E-2</v>
      </c>
      <c r="AK40" s="92">
        <v>8.185362031037334E-3</v>
      </c>
    </row>
    <row r="41" spans="1:45">
      <c r="A41" s="40" t="s">
        <v>534</v>
      </c>
      <c r="B41" s="161">
        <v>2506</v>
      </c>
      <c r="C41" s="165">
        <v>0.34620010466396489</v>
      </c>
      <c r="D41" s="89">
        <v>1.8995529969282554E-2</v>
      </c>
      <c r="E41" s="165">
        <v>0.19152951922766775</v>
      </c>
      <c r="F41" s="89">
        <v>1.5724166222839935E-2</v>
      </c>
      <c r="G41" s="165">
        <v>0.39977479792712811</v>
      </c>
      <c r="H41" s="89">
        <v>1.9556309528305511E-2</v>
      </c>
      <c r="I41" s="88">
        <v>6.2495578181241192E-2</v>
      </c>
      <c r="J41" s="89">
        <v>9.7129696730851988E-3</v>
      </c>
      <c r="K41" s="161">
        <v>2509</v>
      </c>
      <c r="L41" s="165">
        <v>0.41220875435323739</v>
      </c>
      <c r="M41" s="89">
        <v>1.9639294581860908E-2</v>
      </c>
      <c r="N41" s="165">
        <v>0.19202795719947852</v>
      </c>
      <c r="O41" s="89">
        <v>1.5730263129626623E-2</v>
      </c>
      <c r="P41" s="165">
        <v>0.3397672149377261</v>
      </c>
      <c r="Q41" s="89">
        <v>1.889957640210933E-2</v>
      </c>
      <c r="R41" s="88">
        <v>5.5996073509560373E-2</v>
      </c>
      <c r="S41" s="89">
        <v>9.2269951805011696E-3</v>
      </c>
      <c r="T41" s="161">
        <v>2510</v>
      </c>
      <c r="U41" s="165">
        <v>0.20991236745490532</v>
      </c>
      <c r="V41" s="89">
        <v>1.6257510864234988E-2</v>
      </c>
      <c r="W41" s="165">
        <v>0.15370816905169313</v>
      </c>
      <c r="X41" s="89">
        <v>1.4407594621562344E-2</v>
      </c>
      <c r="Y41" s="165">
        <v>0.57164023648185869</v>
      </c>
      <c r="Z41" s="89">
        <v>1.9739109682914192E-2</v>
      </c>
      <c r="AA41" s="88">
        <v>6.4739227011544831E-2</v>
      </c>
      <c r="AB41" s="89">
        <v>9.8638665443386061E-3</v>
      </c>
      <c r="AC41" s="161">
        <v>2504</v>
      </c>
      <c r="AD41" s="165">
        <v>0.16469748515955185</v>
      </c>
      <c r="AE41" s="89">
        <v>1.483188937238056E-2</v>
      </c>
      <c r="AF41" s="165">
        <v>0.18909369702855178</v>
      </c>
      <c r="AG41" s="89">
        <v>1.565402246672391E-2</v>
      </c>
      <c r="AH41" s="165">
        <v>0.61203341233033048</v>
      </c>
      <c r="AI41" s="89">
        <v>1.9462003189578296E-2</v>
      </c>
      <c r="AJ41" s="88">
        <v>3.4175405481567556E-2</v>
      </c>
      <c r="AK41" s="89">
        <v>7.331200548797363E-3</v>
      </c>
    </row>
    <row r="42" spans="1:45">
      <c r="A42" s="44" t="s">
        <v>535</v>
      </c>
      <c r="B42" s="163">
        <v>483</v>
      </c>
      <c r="C42" s="166">
        <v>0.31145560751119528</v>
      </c>
      <c r="D42" s="92">
        <v>4.2025960568455187E-2</v>
      </c>
      <c r="E42" s="166">
        <v>0.22067923870411793</v>
      </c>
      <c r="F42" s="92">
        <v>3.7723330112537069E-2</v>
      </c>
      <c r="G42" s="166">
        <v>0.40530558651760701</v>
      </c>
      <c r="H42" s="92">
        <v>4.4507772478607224E-2</v>
      </c>
      <c r="I42" s="91">
        <v>6.2559567267083435E-2</v>
      </c>
      <c r="J42" s="92">
        <v>2.252561452544552E-2</v>
      </c>
      <c r="K42" s="163">
        <v>486</v>
      </c>
      <c r="L42" s="166">
        <v>0.38712926849935397</v>
      </c>
      <c r="M42" s="92">
        <v>4.4028501508421185E-2</v>
      </c>
      <c r="N42" s="166">
        <v>0.17623391467256769</v>
      </c>
      <c r="O42" s="92">
        <v>3.4626868964858164E-2</v>
      </c>
      <c r="P42" s="166">
        <v>0.38219213456191325</v>
      </c>
      <c r="Q42" s="92">
        <v>4.3924515296017978E-2</v>
      </c>
      <c r="R42" s="91">
        <v>5.4444682266168935E-2</v>
      </c>
      <c r="S42" s="92">
        <v>2.1132886660862348E-2</v>
      </c>
      <c r="T42" s="163">
        <v>484</v>
      </c>
      <c r="U42" s="166">
        <v>0.19851460226513901</v>
      </c>
      <c r="V42" s="92">
        <v>3.6281064094142751E-2</v>
      </c>
      <c r="W42" s="166">
        <v>0.11316780464725319</v>
      </c>
      <c r="X42" s="92">
        <v>2.9028519007428321E-2</v>
      </c>
      <c r="Y42" s="166">
        <v>0.62119943393381494</v>
      </c>
      <c r="Z42" s="92">
        <v>4.3940208866427931E-2</v>
      </c>
      <c r="AA42" s="91">
        <v>6.7118159153795584E-2</v>
      </c>
      <c r="AB42" s="92">
        <v>2.3201299246192464E-2</v>
      </c>
      <c r="AC42" s="163">
        <v>482</v>
      </c>
      <c r="AD42" s="166">
        <v>0.14870875267091829</v>
      </c>
      <c r="AE42" s="92">
        <v>3.2535826019704159E-2</v>
      </c>
      <c r="AF42" s="166">
        <v>0.19903037805427193</v>
      </c>
      <c r="AG42" s="92">
        <v>3.6390907383264892E-2</v>
      </c>
      <c r="AH42" s="166">
        <v>0.622692796249109</v>
      </c>
      <c r="AI42" s="92">
        <v>4.3997124169266544E-2</v>
      </c>
      <c r="AJ42" s="91">
        <v>2.956807302570328E-2</v>
      </c>
      <c r="AK42" s="92">
        <v>1.6310190482875474E-2</v>
      </c>
    </row>
    <row r="43" spans="1:45">
      <c r="A43" s="40" t="s">
        <v>536</v>
      </c>
      <c r="B43" s="161">
        <v>89</v>
      </c>
      <c r="C43" s="165">
        <v>0.38843156364957415</v>
      </c>
      <c r="D43" s="89">
        <v>0.10130337936700765</v>
      </c>
      <c r="E43" s="165">
        <v>0.17571541060694215</v>
      </c>
      <c r="F43" s="89">
        <v>8.1304162796963717E-2</v>
      </c>
      <c r="G43" s="165">
        <v>0.38566311335777753</v>
      </c>
      <c r="H43" s="89">
        <v>0.10118171559045118</v>
      </c>
      <c r="I43" s="88">
        <v>5.0189912385705429E-2</v>
      </c>
      <c r="J43" s="89">
        <v>5.275271851338529E-2</v>
      </c>
      <c r="K43" s="161">
        <v>89</v>
      </c>
      <c r="L43" s="165">
        <v>0.42070048336352106</v>
      </c>
      <c r="M43" s="89">
        <v>0.10249382721533026</v>
      </c>
      <c r="N43" s="165">
        <v>0.12379340523623199</v>
      </c>
      <c r="O43" s="89">
        <v>7.1956235161371451E-2</v>
      </c>
      <c r="P43" s="165">
        <v>0.38174889892164915</v>
      </c>
      <c r="Q43" s="89">
        <v>0.10100434899267255</v>
      </c>
      <c r="R43" s="88">
        <v>7.3757212478597151E-2</v>
      </c>
      <c r="S43" s="89">
        <v>5.9967598457381831E-2</v>
      </c>
      <c r="T43" s="161">
        <v>88</v>
      </c>
      <c r="U43" s="165">
        <v>0.13210485953740059</v>
      </c>
      <c r="V43" s="89">
        <v>7.4064191148327491E-2</v>
      </c>
      <c r="W43" s="165">
        <v>0.13849858480563448</v>
      </c>
      <c r="X43" s="89">
        <v>7.5306172555698062E-2</v>
      </c>
      <c r="Y43" s="165">
        <v>0.67202205647075042</v>
      </c>
      <c r="Z43" s="89">
        <v>9.8450087754871365E-2</v>
      </c>
      <c r="AA43" s="88">
        <v>5.7374499186214241E-2</v>
      </c>
      <c r="AB43" s="89">
        <v>5.5461934384862438E-2</v>
      </c>
      <c r="AC43" s="161">
        <v>88</v>
      </c>
      <c r="AD43" s="165">
        <v>0.15907036998053062</v>
      </c>
      <c r="AE43" s="89">
        <v>7.9030672010211148E-2</v>
      </c>
      <c r="AF43" s="165">
        <v>0.2068931091940093</v>
      </c>
      <c r="AG43" s="89">
        <v>8.6325099604537742E-2</v>
      </c>
      <c r="AH43" s="165">
        <v>0.57407191358830889</v>
      </c>
      <c r="AI43" s="89">
        <v>0.10320517339170057</v>
      </c>
      <c r="AJ43" s="88">
        <v>5.9964607237151052E-2</v>
      </c>
      <c r="AK43" s="89">
        <v>5.6275839180447797E-2</v>
      </c>
    </row>
    <row r="44" spans="1:45">
      <c r="A44" s="44" t="s">
        <v>537</v>
      </c>
      <c r="B44" s="163">
        <v>139</v>
      </c>
      <c r="C44" s="166">
        <v>0.29623176894440006</v>
      </c>
      <c r="D44" s="92">
        <v>7.6783029309695605E-2</v>
      </c>
      <c r="E44" s="166">
        <v>0.18891240804910248</v>
      </c>
      <c r="F44" s="92">
        <v>6.6598221922516812E-2</v>
      </c>
      <c r="G44" s="166">
        <v>0.49211648914821937</v>
      </c>
      <c r="H44" s="92">
        <v>8.3614379353129709E-2</v>
      </c>
      <c r="I44" s="91">
        <v>2.2739333858277862E-2</v>
      </c>
      <c r="J44" s="92">
        <v>3.1193887802650731E-2</v>
      </c>
      <c r="K44" s="163">
        <v>139</v>
      </c>
      <c r="L44" s="166">
        <v>0.34674061084248942</v>
      </c>
      <c r="M44" s="92">
        <v>7.982624839430176E-2</v>
      </c>
      <c r="N44" s="166">
        <v>0.19522612242996329</v>
      </c>
      <c r="O44" s="92">
        <v>6.7365340950567398E-2</v>
      </c>
      <c r="P44" s="166">
        <v>0.43277942159801902</v>
      </c>
      <c r="Q44" s="92">
        <v>8.2907083804487997E-2</v>
      </c>
      <c r="R44" s="91">
        <v>2.5253845129528177E-2</v>
      </c>
      <c r="S44" s="92">
        <v>3.2192007208085946E-2</v>
      </c>
      <c r="T44" s="163">
        <v>139</v>
      </c>
      <c r="U44" s="166">
        <v>0.17034343106641664</v>
      </c>
      <c r="V44" s="92">
        <v>6.4194013287538904E-2</v>
      </c>
      <c r="W44" s="166">
        <v>0.1390523583492026</v>
      </c>
      <c r="X44" s="92">
        <v>5.9579747947473498E-2</v>
      </c>
      <c r="Y44" s="166">
        <v>0.64336181178440943</v>
      </c>
      <c r="Z44" s="92">
        <v>8.0310778551292483E-2</v>
      </c>
      <c r="AA44" s="91">
        <v>4.724239879997081E-2</v>
      </c>
      <c r="AB44" s="92">
        <v>3.9690447240257505E-2</v>
      </c>
      <c r="AC44" s="163">
        <v>138</v>
      </c>
      <c r="AD44" s="166">
        <v>0.17716374483361019</v>
      </c>
      <c r="AE44" s="92">
        <v>6.5341095098474841E-2</v>
      </c>
      <c r="AF44" s="166">
        <v>0.15159145069715127</v>
      </c>
      <c r="AG44" s="92">
        <v>6.1747772154348658E-2</v>
      </c>
      <c r="AH44" s="166">
        <v>0.65213753425385546</v>
      </c>
      <c r="AI44" s="92">
        <v>8.0165286118282053E-2</v>
      </c>
      <c r="AJ44" s="91">
        <v>1.9107270215382655E-2</v>
      </c>
      <c r="AK44" s="92">
        <v>2.9829227721266154E-2</v>
      </c>
    </row>
    <row r="45" spans="1:45">
      <c r="A45" s="40" t="s">
        <v>538</v>
      </c>
      <c r="B45" s="161">
        <v>105</v>
      </c>
      <c r="C45" s="165">
        <v>0.31034564958536032</v>
      </c>
      <c r="D45" s="89">
        <v>8.9159726493255931E-2</v>
      </c>
      <c r="E45" s="165">
        <v>0.23831951214084821</v>
      </c>
      <c r="F45" s="89">
        <v>8.2719137211714103E-2</v>
      </c>
      <c r="G45" s="165">
        <v>0.42329030985595301</v>
      </c>
      <c r="H45" s="89">
        <v>9.4730826748300634E-2</v>
      </c>
      <c r="I45" s="88">
        <v>2.8044528417837829E-2</v>
      </c>
      <c r="J45" s="89">
        <v>3.9864956995776489E-2</v>
      </c>
      <c r="K45" s="161">
        <v>105</v>
      </c>
      <c r="L45" s="165">
        <v>0.3777681069939301</v>
      </c>
      <c r="M45" s="89">
        <v>9.308885059689409E-2</v>
      </c>
      <c r="N45" s="165">
        <v>0.20124172919812636</v>
      </c>
      <c r="O45" s="89">
        <v>7.8325182205678329E-2</v>
      </c>
      <c r="P45" s="165">
        <v>0.39201226830184999</v>
      </c>
      <c r="Q45" s="89">
        <v>9.3686736357899814E-2</v>
      </c>
      <c r="R45" s="88">
        <v>2.89778955060928E-2</v>
      </c>
      <c r="S45" s="89">
        <v>4.0239117838588717E-2</v>
      </c>
      <c r="T45" s="161">
        <v>104</v>
      </c>
      <c r="U45" s="165">
        <v>0.18918876375988489</v>
      </c>
      <c r="V45" s="89">
        <v>7.7080930102909187E-2</v>
      </c>
      <c r="W45" s="165">
        <v>7.9458339080863138E-2</v>
      </c>
      <c r="X45" s="89">
        <v>5.643826628372875E-2</v>
      </c>
      <c r="Y45" s="165">
        <v>0.70526774231889222</v>
      </c>
      <c r="Z45" s="89">
        <v>8.8386452692248499E-2</v>
      </c>
      <c r="AA45" s="88">
        <v>2.6085154840359174E-2</v>
      </c>
      <c r="AB45" s="89">
        <v>3.9315118275062698E-2</v>
      </c>
      <c r="AC45" s="161">
        <v>105</v>
      </c>
      <c r="AD45" s="165">
        <v>0.14769038302287657</v>
      </c>
      <c r="AE45" s="89">
        <v>7.0338801723203906E-2</v>
      </c>
      <c r="AF45" s="165">
        <v>0.20127141854184089</v>
      </c>
      <c r="AG45" s="89">
        <v>7.8329038284887978E-2</v>
      </c>
      <c r="AH45" s="165">
        <v>0.64059608953456337</v>
      </c>
      <c r="AI45" s="89">
        <v>9.2201798501361398E-2</v>
      </c>
      <c r="AJ45" s="88">
        <v>1.044210890071887E-2</v>
      </c>
      <c r="AK45" s="89">
        <v>3.1825526647944885E-2</v>
      </c>
    </row>
    <row r="46" spans="1:45">
      <c r="A46" s="44" t="s">
        <v>539</v>
      </c>
      <c r="B46" s="163">
        <v>150</v>
      </c>
      <c r="C46" s="166">
        <v>0.29020177059899144</v>
      </c>
      <c r="D46" s="92">
        <v>7.3545024103023035E-2</v>
      </c>
      <c r="E46" s="166">
        <v>0.2496925955932657</v>
      </c>
      <c r="F46" s="92">
        <v>7.0353223206677765E-2</v>
      </c>
      <c r="G46" s="166">
        <v>0.35105155311939157</v>
      </c>
      <c r="H46" s="92">
        <v>7.7115513523321771E-2</v>
      </c>
      <c r="I46" s="91">
        <v>0.10905408068835029</v>
      </c>
      <c r="J46" s="92">
        <v>5.2222761836966808E-2</v>
      </c>
      <c r="K46" s="163">
        <v>153</v>
      </c>
      <c r="L46" s="166">
        <v>0.40268242517412384</v>
      </c>
      <c r="M46" s="92">
        <v>7.8359895831262474E-2</v>
      </c>
      <c r="N46" s="166">
        <v>0.17343010685773433</v>
      </c>
      <c r="O46" s="92">
        <v>6.1554629239639932E-2</v>
      </c>
      <c r="P46" s="166">
        <v>0.34714027906589573</v>
      </c>
      <c r="Q46" s="92">
        <v>7.6184383687526072E-2</v>
      </c>
      <c r="R46" s="91">
        <v>7.6747188902245286E-2</v>
      </c>
      <c r="S46" s="92">
        <v>4.5109654528438757E-2</v>
      </c>
      <c r="T46" s="163">
        <v>153</v>
      </c>
      <c r="U46" s="166">
        <v>0.24626767885537915</v>
      </c>
      <c r="V46" s="92">
        <v>6.9366309742744311E-2</v>
      </c>
      <c r="W46" s="166">
        <v>0.10384429161446138</v>
      </c>
      <c r="X46" s="92">
        <v>5.0716068025392511E-2</v>
      </c>
      <c r="Y46" s="166">
        <v>0.54712975387958429</v>
      </c>
      <c r="Z46" s="92">
        <v>7.9471266664757179E-2</v>
      </c>
      <c r="AA46" s="91">
        <v>0.10275827565057453</v>
      </c>
      <c r="AB46" s="92">
        <v>5.0510110315156183E-2</v>
      </c>
      <c r="AC46" s="163">
        <v>151</v>
      </c>
      <c r="AD46" s="166">
        <v>0.12780183925008606</v>
      </c>
      <c r="AE46" s="92">
        <v>5.5305901761091403E-2</v>
      </c>
      <c r="AF46" s="166">
        <v>0.22373030891915272</v>
      </c>
      <c r="AG46" s="92">
        <v>6.7692583917353791E-2</v>
      </c>
      <c r="AH46" s="166">
        <v>0.61527038829665559</v>
      </c>
      <c r="AI46" s="92">
        <v>7.8269951852171962E-2</v>
      </c>
      <c r="AJ46" s="91">
        <v>3.3197463534105208E-2</v>
      </c>
      <c r="AK46" s="92">
        <v>3.3388026759953351E-2</v>
      </c>
    </row>
    <row r="47" spans="1:45">
      <c r="A47" s="40" t="s">
        <v>540</v>
      </c>
      <c r="B47" s="161">
        <v>341</v>
      </c>
      <c r="C47" s="165">
        <v>0.36964008165643381</v>
      </c>
      <c r="D47" s="89">
        <v>5.2019847305475535E-2</v>
      </c>
      <c r="E47" s="165">
        <v>0.18532907120613815</v>
      </c>
      <c r="F47" s="89">
        <v>4.2154300528692887E-2</v>
      </c>
      <c r="G47" s="165">
        <v>0.40726945401849757</v>
      </c>
      <c r="H47" s="89">
        <v>5.292590236907576E-2</v>
      </c>
      <c r="I47" s="88">
        <v>3.77613931189308E-2</v>
      </c>
      <c r="J47" s="89">
        <v>2.1872168313976977E-2</v>
      </c>
      <c r="K47" s="161">
        <v>340</v>
      </c>
      <c r="L47" s="165">
        <v>0.41454512935738591</v>
      </c>
      <c r="M47" s="89">
        <v>5.3141573104534011E-2</v>
      </c>
      <c r="N47" s="165">
        <v>0.20011137346342447</v>
      </c>
      <c r="O47" s="89">
        <v>4.3421423479872968E-2</v>
      </c>
      <c r="P47" s="165">
        <v>0.34545784162232956</v>
      </c>
      <c r="Q47" s="89">
        <v>5.1338923666113395E-2</v>
      </c>
      <c r="R47" s="88">
        <v>3.9885655556860293E-2</v>
      </c>
      <c r="S47" s="89">
        <v>2.2409908192994172E-2</v>
      </c>
      <c r="T47" s="161">
        <v>342</v>
      </c>
      <c r="U47" s="165">
        <v>0.23739447249814874</v>
      </c>
      <c r="V47" s="89">
        <v>4.594840151368676E-2</v>
      </c>
      <c r="W47" s="165">
        <v>0.12733686246191445</v>
      </c>
      <c r="X47" s="89">
        <v>3.6353224197302296E-2</v>
      </c>
      <c r="Y47" s="165">
        <v>0.57997320598611912</v>
      </c>
      <c r="Z47" s="89">
        <v>5.3084218103908322E-2</v>
      </c>
      <c r="AA47" s="88">
        <v>5.5295459053819024E-2</v>
      </c>
      <c r="AB47" s="89">
        <v>2.5621517148011648E-2</v>
      </c>
      <c r="AC47" s="161">
        <v>341</v>
      </c>
      <c r="AD47" s="165">
        <v>0.17355254352687141</v>
      </c>
      <c r="AE47" s="89">
        <v>4.1127426356587699E-2</v>
      </c>
      <c r="AF47" s="165">
        <v>0.15679980681657063</v>
      </c>
      <c r="AG47" s="89">
        <v>3.9552434045514041E-2</v>
      </c>
      <c r="AH47" s="165">
        <v>0.61929134492821236</v>
      </c>
      <c r="AI47" s="89">
        <v>5.2319823932871427E-2</v>
      </c>
      <c r="AJ47" s="88">
        <v>5.0356304728347075E-2</v>
      </c>
      <c r="AK47" s="89">
        <v>2.4667431655938998E-2</v>
      </c>
    </row>
    <row r="48" spans="1:45">
      <c r="A48" s="44" t="s">
        <v>541</v>
      </c>
      <c r="B48" s="163">
        <v>113</v>
      </c>
      <c r="C48" s="166">
        <v>0.32934644132146262</v>
      </c>
      <c r="D48" s="92">
        <v>8.7282744237105123E-2</v>
      </c>
      <c r="E48" s="166">
        <v>0.19867755100958145</v>
      </c>
      <c r="F48" s="92">
        <v>7.5176573539437533E-2</v>
      </c>
      <c r="G48" s="166">
        <v>0.44356412672654072</v>
      </c>
      <c r="H48" s="92">
        <v>9.1899061649417746E-2</v>
      </c>
      <c r="I48" s="91">
        <v>2.8411880942415587E-2</v>
      </c>
      <c r="J48" s="92">
        <v>3.8141090024330512E-2</v>
      </c>
      <c r="K48" s="163">
        <v>113</v>
      </c>
      <c r="L48" s="166">
        <v>0.4833880469742089</v>
      </c>
      <c r="M48" s="92">
        <v>9.2402425195857604E-2</v>
      </c>
      <c r="N48" s="166">
        <v>0.20268163537556103</v>
      </c>
      <c r="O48" s="92">
        <v>7.5683278501841977E-2</v>
      </c>
      <c r="P48" s="166">
        <v>0.27318562305135846</v>
      </c>
      <c r="Q48" s="92">
        <v>8.3104855853427556E-2</v>
      </c>
      <c r="R48" s="91">
        <v>4.0744694598871999E-2</v>
      </c>
      <c r="S48" s="92">
        <v>4.2671317923098646E-2</v>
      </c>
      <c r="T48" s="163">
        <v>113</v>
      </c>
      <c r="U48" s="166">
        <v>0.27695535031934077</v>
      </c>
      <c r="V48" s="92">
        <v>8.3429600171047738E-2</v>
      </c>
      <c r="W48" s="166">
        <v>0.13949522367337486</v>
      </c>
      <c r="X48" s="92">
        <v>6.635074073183668E-2</v>
      </c>
      <c r="Y48" s="166">
        <v>0.53059443581620724</v>
      </c>
      <c r="Z48" s="92">
        <v>9.2288452998996948E-2</v>
      </c>
      <c r="AA48" s="91">
        <v>5.2954990191077779E-2</v>
      </c>
      <c r="AB48" s="92">
        <v>4.6623451211048189E-2</v>
      </c>
      <c r="AC48" s="163">
        <v>112</v>
      </c>
      <c r="AD48" s="166">
        <v>0.19879155849276614</v>
      </c>
      <c r="AE48" s="92">
        <v>7.5526336389640306E-2</v>
      </c>
      <c r="AF48" s="166">
        <v>0.15397126097247155</v>
      </c>
      <c r="AG48" s="92">
        <v>6.9077514181463476E-2</v>
      </c>
      <c r="AH48" s="166">
        <v>0.60721044115687495</v>
      </c>
      <c r="AI48" s="92">
        <v>9.0836144490797216E-2</v>
      </c>
      <c r="AJ48" s="91">
        <v>4.0026739377887824E-2</v>
      </c>
      <c r="AK48" s="92">
        <v>4.2655165213067801E-2</v>
      </c>
    </row>
    <row r="49" spans="1:37">
      <c r="A49" s="40" t="s">
        <v>542</v>
      </c>
      <c r="B49" s="161">
        <v>95</v>
      </c>
      <c r="C49" s="165">
        <v>0.35247533125096481</v>
      </c>
      <c r="D49" s="89">
        <v>9.6391376529879585E-2</v>
      </c>
      <c r="E49" s="165">
        <v>0.19293792236298649</v>
      </c>
      <c r="F49" s="89">
        <v>8.1197631254409916E-2</v>
      </c>
      <c r="G49" s="165">
        <v>0.39814882168827559</v>
      </c>
      <c r="H49" s="89">
        <v>9.8564992324894102E-2</v>
      </c>
      <c r="I49" s="88">
        <v>5.6437924697774068E-2</v>
      </c>
      <c r="J49" s="89">
        <v>5.2735387050755061E-2</v>
      </c>
      <c r="K49" s="161">
        <v>95</v>
      </c>
      <c r="L49" s="165">
        <v>0.38518052574135331</v>
      </c>
      <c r="M49" s="89">
        <v>9.8033245381902778E-2</v>
      </c>
      <c r="N49" s="165">
        <v>0.17136850172881027</v>
      </c>
      <c r="O49" s="89">
        <v>7.7993057595001594E-2</v>
      </c>
      <c r="P49" s="165">
        <v>0.38923171967775516</v>
      </c>
      <c r="Q49" s="89">
        <v>9.8206511313026421E-2</v>
      </c>
      <c r="R49" s="88">
        <v>5.4219252852082213E-2</v>
      </c>
      <c r="S49" s="89">
        <v>5.2034695941603523E-2</v>
      </c>
      <c r="T49" s="161">
        <v>95</v>
      </c>
      <c r="U49" s="165">
        <v>0.23419776659036967</v>
      </c>
      <c r="V49" s="89">
        <v>8.6443300493336775E-2</v>
      </c>
      <c r="W49" s="165">
        <v>6.9434857571860006E-2</v>
      </c>
      <c r="X49" s="89">
        <v>5.6601292744579819E-2</v>
      </c>
      <c r="Y49" s="165">
        <v>0.6309021459250147</v>
      </c>
      <c r="Z49" s="89">
        <v>9.7280461239420787E-2</v>
      </c>
      <c r="AA49" s="88">
        <v>6.546522991275662E-2</v>
      </c>
      <c r="AB49" s="89">
        <v>5.5461154386182855E-2</v>
      </c>
      <c r="AC49" s="161">
        <v>95</v>
      </c>
      <c r="AD49" s="165">
        <v>0.12869595762878064</v>
      </c>
      <c r="AE49" s="89">
        <v>7.0510114006631958E-2</v>
      </c>
      <c r="AF49" s="165">
        <v>0.14874550509418383</v>
      </c>
      <c r="AG49" s="89">
        <v>7.423384903619637E-2</v>
      </c>
      <c r="AH49" s="165">
        <v>0.67077549632903966</v>
      </c>
      <c r="AI49" s="89">
        <v>9.4952370468552164E-2</v>
      </c>
      <c r="AJ49" s="88">
        <v>5.1783040947996788E-2</v>
      </c>
      <c r="AK49" s="89">
        <v>5.1250153463439689E-2</v>
      </c>
    </row>
    <row r="50" spans="1:37">
      <c r="A50" s="44" t="s">
        <v>543</v>
      </c>
      <c r="B50" s="163">
        <v>77</v>
      </c>
      <c r="C50" s="166">
        <v>0.41768031019883806</v>
      </c>
      <c r="D50" s="92">
        <v>0.10974183624629072</v>
      </c>
      <c r="E50" s="166">
        <v>0.18759120556966771</v>
      </c>
      <c r="F50" s="92">
        <v>8.9388089094749157E-2</v>
      </c>
      <c r="G50" s="166">
        <v>0.35027722413066775</v>
      </c>
      <c r="H50" s="92">
        <v>0.10651434473483989</v>
      </c>
      <c r="I50" s="91">
        <v>4.4451260100826395E-2</v>
      </c>
      <c r="J50" s="92">
        <v>5.5540232195324897E-2</v>
      </c>
      <c r="K50" s="163">
        <v>77</v>
      </c>
      <c r="L50" s="166">
        <v>0.41550619459060428</v>
      </c>
      <c r="M50" s="92">
        <v>0.1096680723302902</v>
      </c>
      <c r="N50" s="166">
        <v>0.20598537935036756</v>
      </c>
      <c r="O50" s="92">
        <v>9.213043155892793E-2</v>
      </c>
      <c r="P50" s="166">
        <v>0.33862171412288006</v>
      </c>
      <c r="Q50" s="92">
        <v>0.10575202358263122</v>
      </c>
      <c r="R50" s="91">
        <v>3.9886711936148025E-2</v>
      </c>
      <c r="S50" s="92">
        <v>5.3834932702434272E-2</v>
      </c>
      <c r="T50" s="163">
        <v>77</v>
      </c>
      <c r="U50" s="166">
        <v>0.20918460116295173</v>
      </c>
      <c r="V50" s="92">
        <v>9.2582457327759479E-2</v>
      </c>
      <c r="W50" s="166">
        <v>0.1731880876258787</v>
      </c>
      <c r="X50" s="92">
        <v>8.705958069060199E-2</v>
      </c>
      <c r="Y50" s="166">
        <v>0.5429024209264498</v>
      </c>
      <c r="Z50" s="92">
        <v>0.11074086826460107</v>
      </c>
      <c r="AA50" s="91">
        <v>7.4724890284719694E-2</v>
      </c>
      <c r="AB50" s="92">
        <v>6.5381176078332257E-2</v>
      </c>
      <c r="AC50" s="163">
        <v>77</v>
      </c>
      <c r="AD50" s="166">
        <v>0.18835388973171363</v>
      </c>
      <c r="AE50" s="92">
        <v>8.9506817856143742E-2</v>
      </c>
      <c r="AF50" s="166">
        <v>0.20568295023488001</v>
      </c>
      <c r="AG50" s="92">
        <v>9.208732923238995E-2</v>
      </c>
      <c r="AH50" s="166">
        <v>0.55075216464985555</v>
      </c>
      <c r="AI50" s="92">
        <v>0.11059264248714444</v>
      </c>
      <c r="AJ50" s="91">
        <v>5.5210995383551079E-2</v>
      </c>
      <c r="AK50" s="92">
        <v>5.9304515411952433E-2</v>
      </c>
    </row>
    <row r="51" spans="1:37">
      <c r="A51" s="52" t="s">
        <v>544</v>
      </c>
      <c r="B51" s="161">
        <v>56</v>
      </c>
      <c r="C51" s="165">
        <v>0.41985309155540773</v>
      </c>
      <c r="D51" s="89">
        <v>0.1276464895237221</v>
      </c>
      <c r="E51" s="165">
        <v>0.12963382581521599</v>
      </c>
      <c r="F51" s="89">
        <v>9.3276909636671637E-2</v>
      </c>
      <c r="G51" s="165">
        <v>0.44938535217697728</v>
      </c>
      <c r="H51" s="89">
        <v>0.128521943773208</v>
      </c>
      <c r="I51" s="88">
        <v>1.1277304523991797E-3</v>
      </c>
      <c r="J51" s="89">
        <v>4.7048551441721244E-2</v>
      </c>
      <c r="K51" s="161">
        <v>55</v>
      </c>
      <c r="L51" s="165">
        <v>0.31710937260711164</v>
      </c>
      <c r="M51" s="89">
        <v>0.12238664192665247</v>
      </c>
      <c r="N51" s="165">
        <v>0.25584453474266872</v>
      </c>
      <c r="O51" s="89">
        <v>0.11591846291569705</v>
      </c>
      <c r="P51" s="165">
        <v>0.4258948474167506</v>
      </c>
      <c r="Q51" s="89">
        <v>0.12894035019628844</v>
      </c>
      <c r="R51" s="88">
        <v>1.1512452334690565E-3</v>
      </c>
      <c r="S51" s="89">
        <v>4.7833393056100543E-2</v>
      </c>
      <c r="T51" s="161">
        <v>57</v>
      </c>
      <c r="U51" s="165">
        <v>0.2031934766259782</v>
      </c>
      <c r="V51" s="89">
        <v>0.1065341987137705</v>
      </c>
      <c r="W51" s="165">
        <v>0.15572031795676575</v>
      </c>
      <c r="X51" s="89">
        <v>9.8015240963526346E-2</v>
      </c>
      <c r="Y51" s="165">
        <v>0.64108620541725603</v>
      </c>
      <c r="Z51" s="89">
        <v>0.12350605608176214</v>
      </c>
      <c r="AA51" s="88">
        <v>0</v>
      </c>
      <c r="AB51" s="89">
        <v>4.5601197425875629E-2</v>
      </c>
      <c r="AC51" s="161">
        <v>57</v>
      </c>
      <c r="AD51" s="165">
        <v>0.19625091212545631</v>
      </c>
      <c r="AE51" s="89">
        <v>0.10540784125344435</v>
      </c>
      <c r="AF51" s="165">
        <v>9.2934659064150674E-2</v>
      </c>
      <c r="AG51" s="89">
        <v>8.3102440094604629E-2</v>
      </c>
      <c r="AH51" s="165">
        <v>0.64837089542917525</v>
      </c>
      <c r="AI51" s="89">
        <v>0.12301632335106859</v>
      </c>
      <c r="AJ51" s="88">
        <v>6.2443533381217477E-2</v>
      </c>
      <c r="AK51" s="89">
        <v>7.3698559196729629E-2</v>
      </c>
    </row>
    <row r="52" spans="1:37">
      <c r="A52" s="44" t="s">
        <v>545</v>
      </c>
      <c r="B52" s="163">
        <v>636</v>
      </c>
      <c r="C52" s="166">
        <v>0.35900781282397787</v>
      </c>
      <c r="D52" s="92">
        <v>3.7944771675454368E-2</v>
      </c>
      <c r="E52" s="166">
        <v>0.20268950573856867</v>
      </c>
      <c r="F52" s="92">
        <v>3.1889255268696355E-2</v>
      </c>
      <c r="G52" s="166">
        <v>0.38871287325680165</v>
      </c>
      <c r="H52" s="92">
        <v>3.8549440815194361E-2</v>
      </c>
      <c r="I52" s="91">
        <v>4.9589808180656496E-2</v>
      </c>
      <c r="J52" s="92">
        <v>1.7617214820101694E-2</v>
      </c>
      <c r="K52" s="163">
        <v>636</v>
      </c>
      <c r="L52" s="166">
        <v>0.40201379752624677</v>
      </c>
      <c r="M52" s="92">
        <v>3.8771634708298093E-2</v>
      </c>
      <c r="N52" s="166">
        <v>0.17486017295911224</v>
      </c>
      <c r="O52" s="92">
        <v>3.0166352549581381E-2</v>
      </c>
      <c r="P52" s="166">
        <v>0.37450475142290401</v>
      </c>
      <c r="Q52" s="92">
        <v>3.82791711153656E-2</v>
      </c>
      <c r="R52" s="91">
        <v>4.8621278091741632E-2</v>
      </c>
      <c r="S52" s="92">
        <v>1.7463546870851138E-2</v>
      </c>
      <c r="T52" s="163">
        <v>637</v>
      </c>
      <c r="U52" s="166">
        <v>0.21157295184631553</v>
      </c>
      <c r="V52" s="92">
        <v>3.2363463650905089E-2</v>
      </c>
      <c r="W52" s="166">
        <v>0.13011180626423097</v>
      </c>
      <c r="X52" s="92">
        <v>2.677518867753903E-2</v>
      </c>
      <c r="Y52" s="166">
        <v>0.6072799522484692</v>
      </c>
      <c r="Z52" s="92">
        <v>3.8589337691028902E-2</v>
      </c>
      <c r="AA52" s="91">
        <v>5.1035289640989773E-2</v>
      </c>
      <c r="AB52" s="92">
        <v>1.7828884210672784E-2</v>
      </c>
      <c r="AC52" s="163">
        <v>634</v>
      </c>
      <c r="AD52" s="166">
        <v>0.18125709270328183</v>
      </c>
      <c r="AE52" s="92">
        <v>3.0633121744893448E-2</v>
      </c>
      <c r="AF52" s="166">
        <v>0.18005537434843966</v>
      </c>
      <c r="AG52" s="92">
        <v>3.0555461777346162E-2</v>
      </c>
      <c r="AH52" s="166">
        <v>0.60639524275020973</v>
      </c>
      <c r="AI52" s="92">
        <v>3.8695139162838614E-2</v>
      </c>
      <c r="AJ52" s="91">
        <v>3.2292290198073573E-2</v>
      </c>
      <c r="AK52" s="92">
        <v>1.4596743011518459E-2</v>
      </c>
    </row>
    <row r="53" spans="1:37">
      <c r="A53" s="52" t="s">
        <v>546</v>
      </c>
      <c r="B53" s="161">
        <v>65</v>
      </c>
      <c r="C53" s="165">
        <v>0.45855812359617487</v>
      </c>
      <c r="D53" s="89">
        <v>0.12001833711066731</v>
      </c>
      <c r="E53" s="165">
        <v>0.11532443081027464</v>
      </c>
      <c r="F53" s="89">
        <v>8.2947152992061762E-2</v>
      </c>
      <c r="G53" s="165">
        <v>0.42447900635782249</v>
      </c>
      <c r="H53" s="89">
        <v>0.11916099900029725</v>
      </c>
      <c r="I53" s="88">
        <v>1.6384392357276937E-3</v>
      </c>
      <c r="J53" s="89">
        <v>4.14217941823318E-2</v>
      </c>
      <c r="K53" s="161">
        <v>65</v>
      </c>
      <c r="L53" s="165">
        <v>0.38187170273971072</v>
      </c>
      <c r="M53" s="89">
        <v>0.11736643948549914</v>
      </c>
      <c r="N53" s="165">
        <v>0.11756622444516676</v>
      </c>
      <c r="O53" s="89">
        <v>8.3478736441251117E-2</v>
      </c>
      <c r="P53" s="165">
        <v>0.41071975187244436</v>
      </c>
      <c r="Q53" s="89">
        <v>0.11867051435523093</v>
      </c>
      <c r="R53" s="88">
        <v>8.9842320942678189E-2</v>
      </c>
      <c r="S53" s="89">
        <v>7.6408577279727441E-2</v>
      </c>
      <c r="T53" s="161">
        <v>67</v>
      </c>
      <c r="U53" s="165">
        <v>0.16572772328544377</v>
      </c>
      <c r="V53" s="89">
        <v>9.2080058195426223E-2</v>
      </c>
      <c r="W53" s="165">
        <v>0.11214752486027024</v>
      </c>
      <c r="X53" s="89">
        <v>8.0855567896071096E-2</v>
      </c>
      <c r="Y53" s="165">
        <v>0.62035537505610594</v>
      </c>
      <c r="Z53" s="89">
        <v>0.11557590444146312</v>
      </c>
      <c r="AA53" s="88">
        <v>0.10176937679818038</v>
      </c>
      <c r="AB53" s="89">
        <v>7.8283718909964398E-2</v>
      </c>
      <c r="AC53" s="161">
        <v>67</v>
      </c>
      <c r="AD53" s="165">
        <v>0.15956643329791409</v>
      </c>
      <c r="AE53" s="89">
        <v>9.0940541486197762E-2</v>
      </c>
      <c r="AF53" s="165">
        <v>0.15035804825327875</v>
      </c>
      <c r="AG53" s="89">
        <v>8.9170537625919227E-2</v>
      </c>
      <c r="AH53" s="165">
        <v>0.67126400317981993</v>
      </c>
      <c r="AI53" s="89">
        <v>0.11230754708481101</v>
      </c>
      <c r="AJ53" s="88">
        <v>1.8811515268987587E-2</v>
      </c>
      <c r="AK53" s="89">
        <v>4.9681811578027299E-2</v>
      </c>
    </row>
    <row r="54" spans="1:37">
      <c r="A54" s="44" t="s">
        <v>547</v>
      </c>
      <c r="B54" s="163">
        <v>147</v>
      </c>
      <c r="C54" s="166">
        <v>0.3382976629284058</v>
      </c>
      <c r="D54" s="92">
        <v>7.7240368182186367E-2</v>
      </c>
      <c r="E54" s="166">
        <v>0.22576677109186455</v>
      </c>
      <c r="F54" s="92">
        <v>6.8807760709447788E-2</v>
      </c>
      <c r="G54" s="166">
        <v>0.35347381863433347</v>
      </c>
      <c r="H54" s="92">
        <v>7.7996857047460386E-2</v>
      </c>
      <c r="I54" s="91">
        <v>8.2461747345398226E-2</v>
      </c>
      <c r="J54" s="92">
        <v>4.7389028509406336E-2</v>
      </c>
      <c r="K54" s="163">
        <v>147</v>
      </c>
      <c r="L54" s="166">
        <v>0.38566513943966696</v>
      </c>
      <c r="M54" s="92">
        <v>7.9336811910705227E-2</v>
      </c>
      <c r="N54" s="166">
        <v>0.17180517906331591</v>
      </c>
      <c r="O54" s="92">
        <v>6.2597032099534919E-2</v>
      </c>
      <c r="P54" s="166">
        <v>0.38860834439226116</v>
      </c>
      <c r="Q54" s="92">
        <v>7.9441856756344451E-2</v>
      </c>
      <c r="R54" s="91">
        <v>5.3921337104758035E-2</v>
      </c>
      <c r="S54" s="92">
        <v>4.0335187353463878E-2</v>
      </c>
      <c r="T54" s="163">
        <v>147</v>
      </c>
      <c r="U54" s="166">
        <v>0.14317764971318292</v>
      </c>
      <c r="V54" s="92">
        <v>5.853261089617183E-2</v>
      </c>
      <c r="W54" s="166">
        <v>0.13596288173120594</v>
      </c>
      <c r="X54" s="92">
        <v>5.7406432785546767E-2</v>
      </c>
      <c r="Y54" s="166">
        <v>0.66951801269199862</v>
      </c>
      <c r="Z54" s="92">
        <v>7.6818515699408535E-2</v>
      </c>
      <c r="AA54" s="91">
        <v>5.1341455863613265E-2</v>
      </c>
      <c r="AB54" s="92">
        <v>3.9610309173441521E-2</v>
      </c>
      <c r="AC54" s="163">
        <v>145</v>
      </c>
      <c r="AD54" s="166">
        <v>0.13718289272379416</v>
      </c>
      <c r="AE54" s="92">
        <v>5.8006386194457596E-2</v>
      </c>
      <c r="AF54" s="166">
        <v>0.13774515997028192</v>
      </c>
      <c r="AG54" s="92">
        <v>5.8095659416003982E-2</v>
      </c>
      <c r="AH54" s="166">
        <v>0.67002007849674061</v>
      </c>
      <c r="AI54" s="92">
        <v>7.7307784496463347E-2</v>
      </c>
      <c r="AJ54" s="91">
        <v>5.5051868809184057E-2</v>
      </c>
      <c r="AK54" s="92">
        <v>4.0964288219101766E-2</v>
      </c>
    </row>
    <row r="55" spans="1:37">
      <c r="A55" s="52" t="s">
        <v>548</v>
      </c>
      <c r="B55" s="161">
        <v>164</v>
      </c>
      <c r="C55" s="165">
        <v>0.37430066078421703</v>
      </c>
      <c r="D55" s="89">
        <v>7.4792270321938192E-2</v>
      </c>
      <c r="E55" s="165">
        <v>0.19014705236172241</v>
      </c>
      <c r="F55" s="89">
        <v>6.1433001448856529E-2</v>
      </c>
      <c r="G55" s="165">
        <v>0.37853975683277347</v>
      </c>
      <c r="H55" s="89">
        <v>7.4951023770883737E-2</v>
      </c>
      <c r="I55" s="88">
        <v>5.7012530021287366E-2</v>
      </c>
      <c r="J55" s="89">
        <v>3.8728455548036431E-2</v>
      </c>
      <c r="K55" s="161">
        <v>164</v>
      </c>
      <c r="L55" s="165">
        <v>0.4437975842031715</v>
      </c>
      <c r="M55" s="89">
        <v>7.668580185236748E-2</v>
      </c>
      <c r="N55" s="165">
        <v>0.20170173509910849</v>
      </c>
      <c r="O55" s="89">
        <v>6.2717228800185626E-2</v>
      </c>
      <c r="P55" s="165">
        <v>0.31608382269020258</v>
      </c>
      <c r="Q55" s="89">
        <v>7.20063466747633E-2</v>
      </c>
      <c r="R55" s="88">
        <v>3.8416858007517513E-2</v>
      </c>
      <c r="S55" s="89">
        <v>3.3440027272179436E-2</v>
      </c>
      <c r="T55" s="161">
        <v>163</v>
      </c>
      <c r="U55" s="165">
        <v>0.21621245992196753</v>
      </c>
      <c r="V55" s="89">
        <v>6.4423079588642865E-2</v>
      </c>
      <c r="W55" s="165">
        <v>0.1311330773548432</v>
      </c>
      <c r="X55" s="89">
        <v>5.3696220835750666E-2</v>
      </c>
      <c r="Y55" s="165">
        <v>0.62272670636354688</v>
      </c>
      <c r="Z55" s="89">
        <v>7.5128797990701005E-2</v>
      </c>
      <c r="AA55" s="88">
        <v>2.9927756359642652E-2</v>
      </c>
      <c r="AB55" s="89">
        <v>3.0755207000681455E-2</v>
      </c>
      <c r="AC55" s="161">
        <v>163</v>
      </c>
      <c r="AD55" s="165">
        <v>0.16007169085740158</v>
      </c>
      <c r="AE55" s="89">
        <v>5.7890634455445102E-2</v>
      </c>
      <c r="AF55" s="165">
        <v>0.16139819358986035</v>
      </c>
      <c r="AG55" s="89">
        <v>5.8067751721952401E-2</v>
      </c>
      <c r="AH55" s="165">
        <v>0.64411608538679455</v>
      </c>
      <c r="AI55" s="89">
        <v>7.4256971198888064E-2</v>
      </c>
      <c r="AJ55" s="88">
        <v>3.4414030165943521E-2</v>
      </c>
      <c r="AK55" s="89">
        <v>3.2274848371352596E-2</v>
      </c>
    </row>
    <row r="56" spans="1:37">
      <c r="A56" s="44" t="s">
        <v>549</v>
      </c>
      <c r="B56" s="163">
        <v>71</v>
      </c>
      <c r="C56" s="166">
        <v>0.39541872220704449</v>
      </c>
      <c r="D56" s="92">
        <v>0.1131838116286857</v>
      </c>
      <c r="E56" s="166">
        <v>0.27053078943959485</v>
      </c>
      <c r="F56" s="92">
        <v>0.10400275807905265</v>
      </c>
      <c r="G56" s="166">
        <v>0.29363034424170265</v>
      </c>
      <c r="H56" s="92">
        <v>0.10629096948181488</v>
      </c>
      <c r="I56" s="91">
        <v>4.0420144111657279E-2</v>
      </c>
      <c r="J56" s="92">
        <v>5.6904610680908366E-2</v>
      </c>
      <c r="K56" s="163">
        <v>72</v>
      </c>
      <c r="L56" s="166">
        <v>0.52000407506603408</v>
      </c>
      <c r="M56" s="92">
        <v>0.11462544287213149</v>
      </c>
      <c r="N56" s="166">
        <v>0.18952031917067727</v>
      </c>
      <c r="O56" s="92">
        <v>9.2759581011683717E-2</v>
      </c>
      <c r="P56" s="166">
        <v>0.2894295208947516</v>
      </c>
      <c r="Q56" s="92">
        <v>0.10518270038614765</v>
      </c>
      <c r="R56" s="91">
        <v>1.046084868536616E-3</v>
      </c>
      <c r="S56" s="92">
        <v>3.7389243440415422E-2</v>
      </c>
      <c r="T56" s="163">
        <v>71</v>
      </c>
      <c r="U56" s="166">
        <v>0.31680956112588476</v>
      </c>
      <c r="V56" s="92">
        <v>0.10830214666866211</v>
      </c>
      <c r="W56" s="166">
        <v>0.10633228854521364</v>
      </c>
      <c r="X56" s="92">
        <v>7.6981558224297392E-2</v>
      </c>
      <c r="Y56" s="166">
        <v>0.55877633824063266</v>
      </c>
      <c r="Z56" s="92">
        <v>0.11475283870465425</v>
      </c>
      <c r="AA56" s="91">
        <v>1.8081812088268708E-2</v>
      </c>
      <c r="AB56" s="92">
        <v>4.7253679463585177E-2</v>
      </c>
      <c r="AC56" s="163">
        <v>71</v>
      </c>
      <c r="AD56" s="166">
        <v>0.32018894276632848</v>
      </c>
      <c r="AE56" s="92">
        <v>0.10857249878382347</v>
      </c>
      <c r="AF56" s="166">
        <v>0.1371252378928898</v>
      </c>
      <c r="AG56" s="92">
        <v>8.3902489198285746E-2</v>
      </c>
      <c r="AH56" s="166">
        <v>0.54268581934078153</v>
      </c>
      <c r="AI56" s="92">
        <v>0.11509233235647293</v>
      </c>
      <c r="AJ56" s="91">
        <v>0</v>
      </c>
      <c r="AK56" s="92">
        <v>3.7206132509255738E-2</v>
      </c>
    </row>
    <row r="57" spans="1:37">
      <c r="A57" s="52" t="s">
        <v>550</v>
      </c>
      <c r="B57" s="161">
        <v>120</v>
      </c>
      <c r="C57" s="165">
        <v>0.31790253669343438</v>
      </c>
      <c r="D57" s="89">
        <v>8.4040184388845363E-2</v>
      </c>
      <c r="E57" s="165">
        <v>0.20310461377382316</v>
      </c>
      <c r="F57" s="89">
        <v>7.3495292890532568E-2</v>
      </c>
      <c r="G57" s="165">
        <v>0.42614797152816308</v>
      </c>
      <c r="H57" s="89">
        <v>8.8880507183141902E-2</v>
      </c>
      <c r="I57" s="88">
        <v>5.2844878004578107E-2</v>
      </c>
      <c r="J57" s="89">
        <v>4.4988918550211823E-2</v>
      </c>
      <c r="K57" s="161">
        <v>119</v>
      </c>
      <c r="L57" s="165">
        <v>0.3319078515057361</v>
      </c>
      <c r="M57" s="89">
        <v>8.5264365475435047E-2</v>
      </c>
      <c r="N57" s="165">
        <v>0.14995525996440881</v>
      </c>
      <c r="O57" s="89">
        <v>6.633460661887941E-2</v>
      </c>
      <c r="P57" s="165">
        <v>0.44455397617481007</v>
      </c>
      <c r="Q57" s="89">
        <v>8.9646539735553699E-2</v>
      </c>
      <c r="R57" s="88">
        <v>7.3582912355043537E-2</v>
      </c>
      <c r="S57" s="89">
        <v>5.094317211894709E-2</v>
      </c>
      <c r="T57" s="161">
        <v>120</v>
      </c>
      <c r="U57" s="165">
        <v>0.19954324502340806</v>
      </c>
      <c r="V57" s="89">
        <v>7.3056749144417996E-2</v>
      </c>
      <c r="W57" s="165">
        <v>0.13413867091821038</v>
      </c>
      <c r="X57" s="89">
        <v>6.3409060145518698E-2</v>
      </c>
      <c r="Y57" s="165">
        <v>0.5808761415063427</v>
      </c>
      <c r="Z57" s="89">
        <v>8.8695608526136963E-2</v>
      </c>
      <c r="AA57" s="88">
        <v>8.5441942552037548E-2</v>
      </c>
      <c r="AB57" s="89">
        <v>5.3596588045242768E-2</v>
      </c>
      <c r="AC57" s="161">
        <v>119</v>
      </c>
      <c r="AD57" s="165">
        <v>0.20038061390674566</v>
      </c>
      <c r="AE57" s="89">
        <v>7.3467452698199154E-2</v>
      </c>
      <c r="AF57" s="165">
        <v>0.19024207788410144</v>
      </c>
      <c r="AG57" s="89">
        <v>7.2176208093367486E-2</v>
      </c>
      <c r="AH57" s="165">
        <v>0.57010522658501739</v>
      </c>
      <c r="AI57" s="89">
        <v>8.9333524617178861E-2</v>
      </c>
      <c r="AJ57" s="88">
        <v>3.9272081624134147E-2</v>
      </c>
      <c r="AK57" s="89">
        <v>4.0849311472573591E-2</v>
      </c>
    </row>
    <row r="58" spans="1:37">
      <c r="A58" s="44" t="s">
        <v>551</v>
      </c>
      <c r="B58" s="163">
        <v>69</v>
      </c>
      <c r="C58" s="166">
        <v>0.3507182352684759</v>
      </c>
      <c r="D58" s="92">
        <v>0.11228394582961555</v>
      </c>
      <c r="E58" s="166">
        <v>0.21380554605551744</v>
      </c>
      <c r="F58" s="92">
        <v>9.8432356748577435E-2</v>
      </c>
      <c r="G58" s="166">
        <v>0.41860527953262527</v>
      </c>
      <c r="H58" s="92">
        <v>0.11564732558067317</v>
      </c>
      <c r="I58" s="91">
        <v>1.6870939143381041E-2</v>
      </c>
      <c r="J58" s="92">
        <v>4.7666123339126537E-2</v>
      </c>
      <c r="K58" s="163">
        <v>69</v>
      </c>
      <c r="L58" s="166">
        <v>0.40861516198018427</v>
      </c>
      <c r="M58" s="92">
        <v>0.11528141534084155</v>
      </c>
      <c r="N58" s="166">
        <v>0.19407352837994302</v>
      </c>
      <c r="O58" s="92">
        <v>9.5482779409104199E-2</v>
      </c>
      <c r="P58" s="166">
        <v>0.37921716132043093</v>
      </c>
      <c r="Q58" s="92">
        <v>0.11394938647916852</v>
      </c>
      <c r="R58" s="91">
        <v>1.8094148319441349E-2</v>
      </c>
      <c r="S58" s="92">
        <v>4.8268485991222403E-2</v>
      </c>
      <c r="T58" s="163">
        <v>69</v>
      </c>
      <c r="U58" s="166">
        <v>0.28301604422916787</v>
      </c>
      <c r="V58" s="92">
        <v>0.10674159740836457</v>
      </c>
      <c r="W58" s="166">
        <v>0.1379549923936515</v>
      </c>
      <c r="X58" s="92">
        <v>8.5333967761342555E-2</v>
      </c>
      <c r="Y58" s="166">
        <v>0.56164124997198761</v>
      </c>
      <c r="Z58" s="92">
        <v>0.11624380317223824</v>
      </c>
      <c r="AA58" s="91">
        <v>1.7387713405192712E-2</v>
      </c>
      <c r="AB58" s="92">
        <v>4.7921716158053858E-2</v>
      </c>
      <c r="AC58" s="163">
        <v>69</v>
      </c>
      <c r="AD58" s="166">
        <v>0.18360950496730147</v>
      </c>
      <c r="AE58" s="92">
        <v>9.3798585557299349E-2</v>
      </c>
      <c r="AF58" s="166">
        <v>0.30347383451961346</v>
      </c>
      <c r="AG58" s="92">
        <v>0.108664145362997</v>
      </c>
      <c r="AH58" s="166">
        <v>0.50202681296380081</v>
      </c>
      <c r="AI58" s="92">
        <v>0.1170402880837698</v>
      </c>
      <c r="AJ58" s="91">
        <v>1.0889847549284005E-2</v>
      </c>
      <c r="AK58" s="92">
        <v>4.4580133978259169E-2</v>
      </c>
    </row>
    <row r="61" spans="1:37" ht="18.75">
      <c r="A61" s="284" t="s">
        <v>231</v>
      </c>
      <c r="B61" s="284"/>
      <c r="C61" s="284"/>
      <c r="D61" s="284"/>
      <c r="E61" s="284"/>
      <c r="F61" s="284"/>
      <c r="G61" s="284"/>
      <c r="H61" s="284"/>
      <c r="I61" s="284"/>
      <c r="J61" s="284"/>
      <c r="K61" s="284"/>
      <c r="L61" s="284"/>
      <c r="M61" s="285"/>
    </row>
    <row r="62" spans="1:37" ht="62.25" customHeight="1">
      <c r="A62" s="406" t="s">
        <v>597</v>
      </c>
      <c r="B62" s="406"/>
      <c r="C62" s="406"/>
      <c r="D62" s="406"/>
      <c r="E62" s="406"/>
      <c r="F62" s="406"/>
      <c r="G62" s="406"/>
      <c r="H62" s="406"/>
      <c r="I62" s="406"/>
      <c r="J62" s="406"/>
      <c r="K62" s="406"/>
      <c r="L62" s="406"/>
      <c r="M62" s="285"/>
    </row>
    <row r="63" spans="1:37" ht="43.5" customHeight="1">
      <c r="A63" s="396" t="s">
        <v>232</v>
      </c>
      <c r="B63" s="397"/>
      <c r="C63" s="397"/>
      <c r="D63" s="397"/>
      <c r="E63" s="397"/>
      <c r="F63" s="397"/>
      <c r="G63" s="397"/>
      <c r="H63" s="397"/>
      <c r="I63" s="397"/>
      <c r="J63" s="397"/>
      <c r="K63" s="397"/>
      <c r="L63" s="397"/>
    </row>
    <row r="64" spans="1:37" ht="72">
      <c r="A64" s="32" t="s">
        <v>71</v>
      </c>
      <c r="B64" s="33" t="s">
        <v>72</v>
      </c>
      <c r="C64" s="34" t="s">
        <v>589</v>
      </c>
      <c r="D64" s="35" t="s">
        <v>73</v>
      </c>
      <c r="E64" s="33" t="s">
        <v>156</v>
      </c>
      <c r="F64" s="84" t="s">
        <v>85</v>
      </c>
      <c r="G64" s="33" t="s">
        <v>157</v>
      </c>
      <c r="H64" s="84" t="s">
        <v>86</v>
      </c>
      <c r="I64" s="33" t="s">
        <v>158</v>
      </c>
      <c r="J64" s="84" t="s">
        <v>87</v>
      </c>
      <c r="K64" s="33" t="s">
        <v>301</v>
      </c>
      <c r="L64" s="84" t="s">
        <v>300</v>
      </c>
    </row>
    <row r="65" spans="1:12" ht="84">
      <c r="A65" s="36"/>
      <c r="B65" s="37" t="s">
        <v>74</v>
      </c>
      <c r="C65" s="123" t="s">
        <v>305</v>
      </c>
      <c r="D65" s="39" t="s">
        <v>76</v>
      </c>
      <c r="E65" s="37" t="s">
        <v>159</v>
      </c>
      <c r="F65" s="86" t="s">
        <v>126</v>
      </c>
      <c r="G65" s="37" t="s">
        <v>160</v>
      </c>
      <c r="H65" s="86" t="s">
        <v>127</v>
      </c>
      <c r="I65" s="37" t="s">
        <v>161</v>
      </c>
      <c r="J65" s="86" t="s">
        <v>128</v>
      </c>
      <c r="K65" s="37" t="s">
        <v>301</v>
      </c>
      <c r="L65" s="86" t="s">
        <v>88</v>
      </c>
    </row>
    <row r="66" spans="1:12">
      <c r="A66" s="40" t="s">
        <v>349</v>
      </c>
      <c r="B66" s="161">
        <v>13859</v>
      </c>
      <c r="C66" s="162">
        <v>3.3104475129063768</v>
      </c>
      <c r="D66" s="81">
        <v>3.1669094122717165E-2</v>
      </c>
      <c r="E66" s="165">
        <v>0.54255580172524498</v>
      </c>
      <c r="F66" s="89">
        <v>8.4624003210506289E-3</v>
      </c>
      <c r="G66" s="165">
        <v>0.16628583039147191</v>
      </c>
      <c r="H66" s="89">
        <v>6.3261315830269163E-3</v>
      </c>
      <c r="I66" s="165">
        <v>0.26549245322642018</v>
      </c>
      <c r="J66" s="89">
        <v>7.5017214885631477E-3</v>
      </c>
      <c r="K66" s="88">
        <v>2.5665914656880798E-2</v>
      </c>
      <c r="L66" s="89">
        <v>2.6931346045782818E-3</v>
      </c>
    </row>
    <row r="67" spans="1:12">
      <c r="A67" s="44" t="s">
        <v>350</v>
      </c>
      <c r="B67" s="44">
        <v>10148</v>
      </c>
      <c r="C67" s="164">
        <v>3.4470646227759301</v>
      </c>
      <c r="D67" s="82">
        <v>3.72271457207521E-2</v>
      </c>
      <c r="E67" s="166">
        <v>0.5244856515499543</v>
      </c>
      <c r="F67" s="92">
        <v>9.9129569760614822E-3</v>
      </c>
      <c r="G67" s="166">
        <v>0.1647192407221065</v>
      </c>
      <c r="H67" s="92">
        <v>7.3651624716830916E-3</v>
      </c>
      <c r="I67" s="166">
        <v>0.29293758002893078</v>
      </c>
      <c r="J67" s="92">
        <v>9.0345395787262538E-3</v>
      </c>
      <c r="K67" s="91">
        <v>1.7857527699007364E-2</v>
      </c>
      <c r="L67" s="92">
        <v>2.6424569630790979E-3</v>
      </c>
    </row>
    <row r="68" spans="1:12">
      <c r="A68" s="40" t="s">
        <v>351</v>
      </c>
      <c r="B68" s="48">
        <v>3711</v>
      </c>
      <c r="C68" s="162">
        <v>3.1985662589926283</v>
      </c>
      <c r="D68" s="81">
        <v>5.8462623801175992E-2</v>
      </c>
      <c r="E68" s="165">
        <v>0.55714155715338731</v>
      </c>
      <c r="F68" s="89">
        <v>1.629941481269119E-2</v>
      </c>
      <c r="G68" s="165">
        <v>0.1675503408438978</v>
      </c>
      <c r="H68" s="89">
        <v>1.2265132901639974E-2</v>
      </c>
      <c r="I68" s="165">
        <v>0.24333946039829146</v>
      </c>
      <c r="J68" s="89">
        <v>1.4085573792214508E-2</v>
      </c>
      <c r="K68" s="88">
        <v>3.1968641604423968E-2</v>
      </c>
      <c r="L68" s="89">
        <v>5.8162171860015096E-3</v>
      </c>
    </row>
    <row r="69" spans="1:12">
      <c r="A69" s="44" t="s">
        <v>533</v>
      </c>
      <c r="B69" s="44">
        <v>3191</v>
      </c>
      <c r="C69" s="164">
        <v>3.325196731561749</v>
      </c>
      <c r="D69" s="82">
        <v>6.6705808434390682E-2</v>
      </c>
      <c r="E69" s="166">
        <v>0.5348806781503529</v>
      </c>
      <c r="F69" s="92">
        <v>1.7648502764447158E-2</v>
      </c>
      <c r="G69" s="166">
        <v>0.15247934421894299</v>
      </c>
      <c r="H69" s="92">
        <v>1.2734515763710966E-2</v>
      </c>
      <c r="I69" s="166">
        <v>0.27772099380263648</v>
      </c>
      <c r="J69" s="92">
        <v>1.5852041989897567E-2</v>
      </c>
      <c r="K69" s="91">
        <v>3.4918983828061904E-2</v>
      </c>
      <c r="L69" s="92">
        <v>6.5473746299796552E-3</v>
      </c>
    </row>
    <row r="70" spans="1:12">
      <c r="A70" s="40" t="s">
        <v>534</v>
      </c>
      <c r="B70" s="48">
        <v>2505</v>
      </c>
      <c r="C70" s="162">
        <v>3.6049874461469202</v>
      </c>
      <c r="D70" s="81">
        <v>7.5222564286247712E-2</v>
      </c>
      <c r="E70" s="165">
        <v>0.49361032101175079</v>
      </c>
      <c r="F70" s="89">
        <v>1.9962471848722421E-2</v>
      </c>
      <c r="G70" s="165">
        <v>0.15370035618063496</v>
      </c>
      <c r="H70" s="89">
        <v>1.442168722173879E-2</v>
      </c>
      <c r="I70" s="165">
        <v>0.34135087370600226</v>
      </c>
      <c r="J70" s="89">
        <v>1.8935844124906509E-2</v>
      </c>
      <c r="K70" s="88">
        <v>1.1338449101612733E-2</v>
      </c>
      <c r="L70" s="89">
        <v>4.3685657664619968E-3</v>
      </c>
    </row>
    <row r="71" spans="1:12">
      <c r="A71" s="44" t="s">
        <v>535</v>
      </c>
      <c r="B71" s="44">
        <v>484</v>
      </c>
      <c r="C71" s="164">
        <v>3.7009446085445425</v>
      </c>
      <c r="D71" s="82">
        <v>0.1624676106214793</v>
      </c>
      <c r="E71" s="166">
        <v>0.46192213098282425</v>
      </c>
      <c r="F71" s="92">
        <v>4.513856151276175E-2</v>
      </c>
      <c r="G71" s="166">
        <v>0.1871757155099982</v>
      </c>
      <c r="H71" s="92">
        <v>3.5498630624119329E-2</v>
      </c>
      <c r="I71" s="166">
        <v>0.34004807427463563</v>
      </c>
      <c r="J71" s="92">
        <v>4.2928942670889023E-2</v>
      </c>
      <c r="K71" s="91">
        <v>1.0854079232545525E-2</v>
      </c>
      <c r="L71" s="92">
        <v>1.0955404843609993E-2</v>
      </c>
    </row>
    <row r="72" spans="1:12">
      <c r="A72" s="40" t="s">
        <v>536</v>
      </c>
      <c r="B72" s="48">
        <v>87</v>
      </c>
      <c r="C72" s="162">
        <v>4.2080532433827784</v>
      </c>
      <c r="D72" s="81">
        <v>0.42310432410494836</v>
      </c>
      <c r="E72" s="165">
        <v>0.39114859105954919</v>
      </c>
      <c r="F72" s="89">
        <v>0.10253278550850284</v>
      </c>
      <c r="G72" s="165">
        <v>9.2661666675835197E-2</v>
      </c>
      <c r="H72" s="89">
        <v>6.5747323392060242E-2</v>
      </c>
      <c r="I72" s="165">
        <v>0.48369358726471989</v>
      </c>
      <c r="J72" s="89">
        <v>0.10477751686013569</v>
      </c>
      <c r="K72" s="88">
        <v>3.2496154999895284E-2</v>
      </c>
      <c r="L72" s="89">
        <v>4.6989323249142914E-2</v>
      </c>
    </row>
    <row r="73" spans="1:12">
      <c r="A73" s="44" t="s">
        <v>537</v>
      </c>
      <c r="B73" s="44">
        <v>139</v>
      </c>
      <c r="C73" s="164">
        <v>4.0632170918684922</v>
      </c>
      <c r="D73" s="82">
        <v>0.28245953526638123</v>
      </c>
      <c r="E73" s="166">
        <v>0.34678039567904945</v>
      </c>
      <c r="F73" s="92">
        <v>7.9828266846947091E-2</v>
      </c>
      <c r="G73" s="166">
        <v>0.27259816798106296</v>
      </c>
      <c r="H73" s="92">
        <v>7.5008792422789114E-2</v>
      </c>
      <c r="I73" s="166">
        <v>0.37988696585078791</v>
      </c>
      <c r="J73" s="92">
        <v>8.1312430950567657E-2</v>
      </c>
      <c r="K73" s="91">
        <v>7.3447048909927452E-4</v>
      </c>
      <c r="L73" s="92">
        <v>2.0128156957492611E-2</v>
      </c>
    </row>
    <row r="74" spans="1:12">
      <c r="A74" s="40" t="s">
        <v>538</v>
      </c>
      <c r="B74" s="48">
        <v>106</v>
      </c>
      <c r="C74" s="162">
        <v>3.7553796631377008</v>
      </c>
      <c r="D74" s="81">
        <v>0.35216390900178679</v>
      </c>
      <c r="E74" s="165">
        <v>0.48199897198046698</v>
      </c>
      <c r="F74" s="89">
        <v>9.5288862430274124E-2</v>
      </c>
      <c r="G74" s="165">
        <v>0.12913849895701829</v>
      </c>
      <c r="H74" s="89">
        <v>6.6683147745155172E-2</v>
      </c>
      <c r="I74" s="165">
        <v>0.37857315772208233</v>
      </c>
      <c r="J74" s="89">
        <v>9.2698602680172784E-2</v>
      </c>
      <c r="K74" s="88">
        <v>1.0289371340432013E-2</v>
      </c>
      <c r="L74" s="89">
        <v>3.1511952963268086E-2</v>
      </c>
    </row>
    <row r="75" spans="1:12">
      <c r="A75" s="44" t="s">
        <v>539</v>
      </c>
      <c r="B75" s="44">
        <v>152</v>
      </c>
      <c r="C75" s="164">
        <v>3.2626220697402077</v>
      </c>
      <c r="D75" s="82">
        <v>0.27624584237375316</v>
      </c>
      <c r="E75" s="166">
        <v>0.54909551314072869</v>
      </c>
      <c r="F75" s="92">
        <v>7.9696805995646908E-2</v>
      </c>
      <c r="G75" s="166">
        <v>0.20022447452486872</v>
      </c>
      <c r="H75" s="92">
        <v>6.4982055025160065E-2</v>
      </c>
      <c r="I75" s="166">
        <v>0.24179081901070743</v>
      </c>
      <c r="J75" s="92">
        <v>6.9190050511573911E-2</v>
      </c>
      <c r="K75" s="91">
        <v>8.8891933236947898E-3</v>
      </c>
      <c r="L75" s="92">
        <v>2.3215993227198636E-2</v>
      </c>
    </row>
    <row r="76" spans="1:12">
      <c r="A76" s="40" t="s">
        <v>540</v>
      </c>
      <c r="B76" s="161">
        <v>342</v>
      </c>
      <c r="C76" s="162">
        <v>3.7916443299576024</v>
      </c>
      <c r="D76" s="81">
        <v>0.20707726324226705</v>
      </c>
      <c r="E76" s="165">
        <v>0.44197339789915069</v>
      </c>
      <c r="F76" s="89">
        <v>5.3405452640032387E-2</v>
      </c>
      <c r="G76" s="165">
        <v>0.15493858818812134</v>
      </c>
      <c r="H76" s="89">
        <v>3.9310489521337824E-2</v>
      </c>
      <c r="I76" s="165">
        <v>0.38065904757972879</v>
      </c>
      <c r="J76" s="89">
        <v>5.2242778573236254E-2</v>
      </c>
      <c r="K76" s="88">
        <v>2.242896633299889E-2</v>
      </c>
      <c r="L76" s="89">
        <v>1.7722594310757529E-2</v>
      </c>
    </row>
    <row r="77" spans="1:12">
      <c r="A77" s="44" t="s">
        <v>541</v>
      </c>
      <c r="B77" s="163">
        <v>113</v>
      </c>
      <c r="C77" s="164">
        <v>3.6240472514467443</v>
      </c>
      <c r="D77" s="82">
        <v>0.33596698880629255</v>
      </c>
      <c r="E77" s="166">
        <v>0.48203630340554049</v>
      </c>
      <c r="F77" s="92">
        <v>9.2394359728415323E-2</v>
      </c>
      <c r="G77" s="166">
        <v>0.1729602751927026</v>
      </c>
      <c r="H77" s="92">
        <v>7.1667124204071467E-2</v>
      </c>
      <c r="I77" s="166">
        <v>0.32947327271946258</v>
      </c>
      <c r="J77" s="92">
        <v>8.7290649056425584E-2</v>
      </c>
      <c r="K77" s="91">
        <v>1.5530148682294378E-2</v>
      </c>
      <c r="L77" s="92">
        <v>3.2588208091627123E-2</v>
      </c>
    </row>
    <row r="78" spans="1:12">
      <c r="A78" s="40" t="s">
        <v>542</v>
      </c>
      <c r="B78" s="78">
        <v>95</v>
      </c>
      <c r="C78" s="162">
        <v>3.9459292669900754</v>
      </c>
      <c r="D78" s="81">
        <v>0.4159015049765763</v>
      </c>
      <c r="E78" s="165">
        <v>0.43487132911578313</v>
      </c>
      <c r="F78" s="89">
        <v>9.9715575070462747E-2</v>
      </c>
      <c r="G78" s="165">
        <v>0.10317071156976111</v>
      </c>
      <c r="H78" s="89">
        <v>6.5132211318385896E-2</v>
      </c>
      <c r="I78" s="165">
        <v>0.43614141067151091</v>
      </c>
      <c r="J78" s="89">
        <v>9.9746132759858233E-2</v>
      </c>
      <c r="K78" s="88">
        <v>2.5816548642945792E-2</v>
      </c>
      <c r="L78" s="89">
        <v>4.1658875650621534E-2</v>
      </c>
    </row>
    <row r="79" spans="1:12">
      <c r="A79" s="44" t="s">
        <v>543</v>
      </c>
      <c r="B79" s="163">
        <v>77</v>
      </c>
      <c r="C79" s="164">
        <v>3.7261010927038303</v>
      </c>
      <c r="D79" s="82">
        <v>0.42721675050927826</v>
      </c>
      <c r="E79" s="166">
        <v>0.39858321696479415</v>
      </c>
      <c r="F79" s="92">
        <v>0.10902607958410981</v>
      </c>
      <c r="G79" s="166">
        <v>0.17105645102086267</v>
      </c>
      <c r="H79" s="92">
        <v>8.6700583332271042E-2</v>
      </c>
      <c r="I79" s="166">
        <v>0.39140804686924907</v>
      </c>
      <c r="J79" s="92">
        <v>0.10871725556072434</v>
      </c>
      <c r="K79" s="91">
        <v>3.8952285145094072E-2</v>
      </c>
      <c r="L79" s="92">
        <v>5.3476985268303176E-2</v>
      </c>
    </row>
    <row r="80" spans="1:12">
      <c r="A80" s="52" t="s">
        <v>544</v>
      </c>
      <c r="B80" s="161">
        <v>57</v>
      </c>
      <c r="C80" s="162">
        <v>3.932084063799798</v>
      </c>
      <c r="D80" s="81">
        <v>0.53685070512547628</v>
      </c>
      <c r="E80" s="165">
        <v>0.44421917740252381</v>
      </c>
      <c r="F80" s="89">
        <v>0.1273392747745106</v>
      </c>
      <c r="G80" s="165">
        <v>0.20926898185734955</v>
      </c>
      <c r="H80" s="89">
        <v>0.10748914090546557</v>
      </c>
      <c r="I80" s="165">
        <v>0.34651184074012675</v>
      </c>
      <c r="J80" s="89">
        <v>0.12265632093669306</v>
      </c>
      <c r="K80" s="88">
        <v>0</v>
      </c>
      <c r="L80" s="89">
        <v>4.5601197425875629E-2</v>
      </c>
    </row>
    <row r="81" spans="1:12">
      <c r="A81" s="44" t="s">
        <v>545</v>
      </c>
      <c r="B81" s="163">
        <v>636</v>
      </c>
      <c r="C81" s="164">
        <v>3.6433202326724539</v>
      </c>
      <c r="D81" s="82">
        <v>0.14707266448727224</v>
      </c>
      <c r="E81" s="166">
        <v>0.50555437713118423</v>
      </c>
      <c r="F81" s="92">
        <v>3.9526062076842075E-2</v>
      </c>
      <c r="G81" s="166">
        <v>0.14034235865512523</v>
      </c>
      <c r="H81" s="92">
        <v>2.7642612980654763E-2</v>
      </c>
      <c r="I81" s="166">
        <v>0.34842216168282614</v>
      </c>
      <c r="J81" s="92">
        <v>3.7692046529296329E-2</v>
      </c>
      <c r="K81" s="91">
        <v>5.6811025308690496E-3</v>
      </c>
      <c r="L81" s="92">
        <v>7.3712584967603372E-3</v>
      </c>
    </row>
    <row r="82" spans="1:12">
      <c r="A82" s="52" t="s">
        <v>546</v>
      </c>
      <c r="B82" s="161">
        <v>67</v>
      </c>
      <c r="C82" s="162">
        <v>3.7281465706056482</v>
      </c>
      <c r="D82" s="81">
        <v>0.46306181320430745</v>
      </c>
      <c r="E82" s="165">
        <v>0.48282288742828089</v>
      </c>
      <c r="F82" s="89">
        <v>0.1186157854120453</v>
      </c>
      <c r="G82" s="165">
        <v>0.13375452496233051</v>
      </c>
      <c r="H82" s="89">
        <v>8.5761672982976128E-2</v>
      </c>
      <c r="I82" s="165">
        <v>0.3666940114343305</v>
      </c>
      <c r="J82" s="89">
        <v>0.11486070405357214</v>
      </c>
      <c r="K82" s="88">
        <v>1.6728576175058421E-2</v>
      </c>
      <c r="L82" s="89">
        <v>4.8656937231161233E-2</v>
      </c>
    </row>
    <row r="83" spans="1:12">
      <c r="A83" s="44" t="s">
        <v>547</v>
      </c>
      <c r="B83" s="163">
        <v>147</v>
      </c>
      <c r="C83" s="164">
        <v>3.440628419894141</v>
      </c>
      <c r="D83" s="82">
        <v>0.31538143415656933</v>
      </c>
      <c r="E83" s="166">
        <v>0.5159947494963546</v>
      </c>
      <c r="F83" s="92">
        <v>8.1339374478196752E-2</v>
      </c>
      <c r="G83" s="166">
        <v>0.18801263619910627</v>
      </c>
      <c r="H83" s="92">
        <v>6.4644204434391284E-2</v>
      </c>
      <c r="I83" s="166">
        <v>0.29599261430454071</v>
      </c>
      <c r="J83" s="92">
        <v>7.4683750438921934E-2</v>
      </c>
      <c r="K83" s="91">
        <v>0</v>
      </c>
      <c r="L83" s="92">
        <v>1.8606843582156651E-2</v>
      </c>
    </row>
    <row r="84" spans="1:12">
      <c r="A84" s="52" t="s">
        <v>548</v>
      </c>
      <c r="B84" s="161">
        <v>164</v>
      </c>
      <c r="C84" s="162">
        <v>3.6721832857626695</v>
      </c>
      <c r="D84" s="81">
        <v>0.28374529726541931</v>
      </c>
      <c r="E84" s="165">
        <v>0.52501370668634062</v>
      </c>
      <c r="F84" s="89">
        <v>7.7059617354956547E-2</v>
      </c>
      <c r="G84" s="165">
        <v>9.131474148289094E-2</v>
      </c>
      <c r="H84" s="89">
        <v>4.6505294516604088E-2</v>
      </c>
      <c r="I84" s="165">
        <v>0.37632469658818513</v>
      </c>
      <c r="J84" s="89">
        <v>7.4868791474274235E-2</v>
      </c>
      <c r="K84" s="88">
        <v>7.3468552425837545E-3</v>
      </c>
      <c r="L84" s="89">
        <v>2.11078702564211E-2</v>
      </c>
    </row>
    <row r="85" spans="1:12">
      <c r="A85" s="44" t="s">
        <v>549</v>
      </c>
      <c r="B85" s="163">
        <v>70</v>
      </c>
      <c r="C85" s="164">
        <v>3.8887242647899636</v>
      </c>
      <c r="D85" s="82">
        <v>0.42984028041432631</v>
      </c>
      <c r="E85" s="166">
        <v>0.52475007364968274</v>
      </c>
      <c r="F85" s="92">
        <v>0.11612013057330868</v>
      </c>
      <c r="G85" s="166">
        <v>8.4577208707524235E-2</v>
      </c>
      <c r="H85" s="92">
        <v>7.1876974396997709E-2</v>
      </c>
      <c r="I85" s="166">
        <v>0.39067271764279227</v>
      </c>
      <c r="J85" s="92">
        <v>0.1137338713066901</v>
      </c>
      <c r="K85" s="91">
        <v>0</v>
      </c>
      <c r="L85" s="92">
        <v>3.7701936889887336E-2</v>
      </c>
    </row>
    <row r="86" spans="1:12">
      <c r="A86" s="52" t="s">
        <v>550</v>
      </c>
      <c r="B86" s="161">
        <v>120</v>
      </c>
      <c r="C86" s="162">
        <v>3.6579590751970623</v>
      </c>
      <c r="D86" s="81">
        <v>0.32955829243596213</v>
      </c>
      <c r="E86" s="165">
        <v>0.46800666272020947</v>
      </c>
      <c r="F86" s="89">
        <v>8.9630315699664842E-2</v>
      </c>
      <c r="G86" s="165">
        <v>0.20246891231707612</v>
      </c>
      <c r="H86" s="89">
        <v>7.34175879015765E-2</v>
      </c>
      <c r="I86" s="165">
        <v>0.3210252267156391</v>
      </c>
      <c r="J86" s="89">
        <v>8.4242598466746463E-2</v>
      </c>
      <c r="K86" s="88">
        <v>8.4991982470742685E-3</v>
      </c>
      <c r="L86" s="89">
        <v>2.7685411579386573E-2</v>
      </c>
    </row>
    <row r="87" spans="1:12">
      <c r="A87" s="44" t="s">
        <v>551</v>
      </c>
      <c r="B87" s="163">
        <v>68</v>
      </c>
      <c r="C87" s="164">
        <v>3.6180161822033101</v>
      </c>
      <c r="D87" s="82">
        <v>0.46779707810671828</v>
      </c>
      <c r="E87" s="166">
        <v>0.52501314630017692</v>
      </c>
      <c r="F87" s="92">
        <v>0.11771951810440145</v>
      </c>
      <c r="G87" s="166">
        <v>0.10283665135510986</v>
      </c>
      <c r="H87" s="92">
        <v>7.7924804078198115E-2</v>
      </c>
      <c r="I87" s="166">
        <v>0.37215020234471297</v>
      </c>
      <c r="J87" s="92">
        <v>0.11436300744072594</v>
      </c>
      <c r="K87" s="91">
        <v>0</v>
      </c>
      <c r="L87" s="92">
        <v>3.8734260487688681E-2</v>
      </c>
    </row>
    <row r="90" spans="1:12" ht="18.75">
      <c r="A90" s="336" t="s">
        <v>43</v>
      </c>
      <c r="B90" s="336"/>
      <c r="C90" s="336"/>
      <c r="D90" s="336"/>
    </row>
    <row r="91" spans="1:12" ht="131.25" customHeight="1">
      <c r="A91" s="355" t="s">
        <v>388</v>
      </c>
      <c r="B91" s="355"/>
      <c r="C91" s="355"/>
      <c r="D91" s="355"/>
    </row>
    <row r="92" spans="1:12" ht="39" customHeight="1">
      <c r="A92" s="407" t="s">
        <v>389</v>
      </c>
      <c r="B92" s="395"/>
      <c r="C92" s="395"/>
      <c r="D92" s="395"/>
    </row>
    <row r="93" spans="1:12" ht="72">
      <c r="A93" s="32" t="s">
        <v>71</v>
      </c>
      <c r="B93" s="33" t="s">
        <v>72</v>
      </c>
      <c r="C93" s="34" t="s">
        <v>589</v>
      </c>
      <c r="D93" s="35" t="s">
        <v>73</v>
      </c>
    </row>
    <row r="94" spans="1:12" ht="72">
      <c r="A94" s="36"/>
      <c r="B94" s="37" t="s">
        <v>74</v>
      </c>
      <c r="C94" s="38" t="s">
        <v>390</v>
      </c>
      <c r="D94" s="39" t="s">
        <v>76</v>
      </c>
    </row>
    <row r="95" spans="1:12">
      <c r="A95" s="40" t="s">
        <v>349</v>
      </c>
      <c r="B95" s="151">
        <v>11256</v>
      </c>
      <c r="C95" s="79">
        <v>3.8226257740196408</v>
      </c>
      <c r="D95" s="80">
        <v>2.5223193844769246E-2</v>
      </c>
    </row>
    <row r="96" spans="1:12">
      <c r="A96" s="44" t="s">
        <v>350</v>
      </c>
      <c r="B96" s="44">
        <v>7943</v>
      </c>
      <c r="C96" s="153">
        <v>3.7928635880880677</v>
      </c>
      <c r="D96" s="154">
        <v>3.0618100296178771E-2</v>
      </c>
    </row>
    <row r="97" spans="1:4">
      <c r="A97" s="40" t="s">
        <v>351</v>
      </c>
      <c r="B97" s="48">
        <v>3313</v>
      </c>
      <c r="C97" s="79">
        <v>3.8457865537807923</v>
      </c>
      <c r="D97" s="80">
        <v>4.4179949484180525E-2</v>
      </c>
    </row>
    <row r="98" spans="1:4">
      <c r="A98" s="44" t="s">
        <v>533</v>
      </c>
      <c r="B98" s="44">
        <v>2390</v>
      </c>
      <c r="C98" s="153">
        <v>3.758039509612018</v>
      </c>
      <c r="D98" s="154">
        <v>5.4942444546676343E-2</v>
      </c>
    </row>
    <row r="99" spans="1:4">
      <c r="A99" s="40" t="s">
        <v>534</v>
      </c>
      <c r="B99" s="48">
        <v>1769</v>
      </c>
      <c r="C99" s="79">
        <v>3.8068288154607375</v>
      </c>
      <c r="D99" s="80">
        <v>6.4371816166241685E-2</v>
      </c>
    </row>
    <row r="100" spans="1:4">
      <c r="A100" s="44" t="s">
        <v>535</v>
      </c>
      <c r="B100" s="44">
        <v>348</v>
      </c>
      <c r="C100" s="153">
        <v>3.8645228511282825</v>
      </c>
      <c r="D100" s="154">
        <v>0.14345198539056261</v>
      </c>
    </row>
    <row r="101" spans="1:4">
      <c r="A101" s="40" t="s">
        <v>536</v>
      </c>
      <c r="B101" s="48">
        <v>57</v>
      </c>
      <c r="C101" s="79">
        <v>4.0271769678977556</v>
      </c>
      <c r="D101" s="80">
        <v>0.32101789882320325</v>
      </c>
    </row>
    <row r="102" spans="1:4">
      <c r="A102" s="44" t="s">
        <v>537</v>
      </c>
      <c r="B102" s="44">
        <v>88</v>
      </c>
      <c r="C102" s="153">
        <v>3.8115522116096674</v>
      </c>
      <c r="D102" s="154">
        <v>0.28069355332754409</v>
      </c>
    </row>
    <row r="103" spans="1:4">
      <c r="A103" s="40" t="s">
        <v>538</v>
      </c>
      <c r="B103" s="48">
        <v>75</v>
      </c>
      <c r="C103" s="79">
        <v>3.7302693044848838</v>
      </c>
      <c r="D103" s="80">
        <v>0.34057517934535309</v>
      </c>
    </row>
    <row r="104" spans="1:4">
      <c r="A104" s="44" t="s">
        <v>539</v>
      </c>
      <c r="B104" s="44">
        <v>128</v>
      </c>
      <c r="C104" s="153">
        <v>3.9061666651458977</v>
      </c>
      <c r="D104" s="154">
        <v>0.23601244021667234</v>
      </c>
    </row>
    <row r="105" spans="1:4">
      <c r="A105" s="40" t="s">
        <v>540</v>
      </c>
      <c r="B105" s="151">
        <v>263</v>
      </c>
      <c r="C105" s="79">
        <v>3.5868586156410402</v>
      </c>
      <c r="D105" s="80">
        <v>0.16797382247599912</v>
      </c>
    </row>
    <row r="106" spans="1:4">
      <c r="A106" s="44" t="s">
        <v>541</v>
      </c>
      <c r="B106" s="152">
        <v>80</v>
      </c>
      <c r="C106" s="153">
        <v>3.2098507519077382</v>
      </c>
      <c r="D106" s="154">
        <v>0.28464166146142733</v>
      </c>
    </row>
    <row r="107" spans="1:4">
      <c r="A107" s="40" t="s">
        <v>542</v>
      </c>
      <c r="B107" s="78">
        <v>78</v>
      </c>
      <c r="C107" s="79">
        <v>3.7824723752068703</v>
      </c>
      <c r="D107" s="80">
        <v>0.33110246149929373</v>
      </c>
    </row>
    <row r="108" spans="1:4">
      <c r="A108" s="44" t="s">
        <v>543</v>
      </c>
      <c r="B108" s="152">
        <v>63</v>
      </c>
      <c r="C108" s="153">
        <v>3.6234726448319834</v>
      </c>
      <c r="D108" s="154">
        <v>0.32177675575371634</v>
      </c>
    </row>
    <row r="109" spans="1:4">
      <c r="A109" s="52" t="s">
        <v>544</v>
      </c>
      <c r="B109" s="151">
        <v>42</v>
      </c>
      <c r="C109" s="79">
        <v>3.831091332000681</v>
      </c>
      <c r="D109" s="80">
        <v>0.44323847223599555</v>
      </c>
    </row>
    <row r="110" spans="1:4">
      <c r="A110" s="44" t="s">
        <v>545</v>
      </c>
      <c r="B110" s="152">
        <v>442</v>
      </c>
      <c r="C110" s="153">
        <v>3.7519832853086337</v>
      </c>
      <c r="D110" s="154">
        <v>0.12598208816917708</v>
      </c>
    </row>
    <row r="111" spans="1:4">
      <c r="A111" s="52" t="s">
        <v>546</v>
      </c>
      <c r="B111" s="151">
        <v>50</v>
      </c>
      <c r="C111" s="79">
        <v>3.649490860495527</v>
      </c>
      <c r="D111" s="80">
        <v>0.39177882649383799</v>
      </c>
    </row>
    <row r="112" spans="1:4">
      <c r="A112" s="44" t="s">
        <v>547</v>
      </c>
      <c r="B112" s="152">
        <v>71</v>
      </c>
      <c r="C112" s="153">
        <v>3.6841638819604374</v>
      </c>
      <c r="D112" s="154">
        <v>0.30634001906067937</v>
      </c>
    </row>
    <row r="113" spans="1:34">
      <c r="A113" s="52" t="s">
        <v>548</v>
      </c>
      <c r="B113" s="151">
        <v>123</v>
      </c>
      <c r="C113" s="79">
        <v>3.8426863747232129</v>
      </c>
      <c r="D113" s="80">
        <v>0.25810552346943788</v>
      </c>
    </row>
    <row r="114" spans="1:34">
      <c r="A114" s="44" t="s">
        <v>549</v>
      </c>
      <c r="B114" s="152">
        <v>44</v>
      </c>
      <c r="C114" s="153">
        <v>4.0471441642973121</v>
      </c>
      <c r="D114" s="154">
        <v>0.40276564879825633</v>
      </c>
    </row>
    <row r="115" spans="1:34">
      <c r="A115" s="52" t="s">
        <v>550</v>
      </c>
      <c r="B115" s="151">
        <v>95</v>
      </c>
      <c r="C115" s="79">
        <v>3.6700167890027227</v>
      </c>
      <c r="D115" s="80">
        <v>0.24155570803023724</v>
      </c>
    </row>
    <row r="116" spans="1:34">
      <c r="A116" s="44" t="s">
        <v>551</v>
      </c>
      <c r="B116" s="152">
        <v>59</v>
      </c>
      <c r="C116" s="153">
        <v>3.691627645704501</v>
      </c>
      <c r="D116" s="154">
        <v>0.34349078631482871</v>
      </c>
    </row>
    <row r="119" spans="1:34" ht="18.75">
      <c r="A119" s="336" t="s">
        <v>502</v>
      </c>
      <c r="B119" s="336"/>
      <c r="C119" s="336"/>
      <c r="D119" s="336"/>
      <c r="E119" s="336"/>
      <c r="F119" s="336"/>
      <c r="G119" s="336"/>
      <c r="H119" s="336"/>
      <c r="I119" s="336"/>
      <c r="J119" s="336"/>
      <c r="K119" s="336"/>
      <c r="L119" s="336"/>
      <c r="M119" s="336"/>
      <c r="N119" s="336"/>
      <c r="O119" s="336"/>
      <c r="P119" s="336"/>
      <c r="Q119" s="336"/>
      <c r="R119" s="336"/>
      <c r="S119" s="336"/>
      <c r="T119" s="336"/>
      <c r="U119" s="336"/>
      <c r="V119" s="336"/>
      <c r="W119" s="336"/>
      <c r="X119" s="336"/>
      <c r="Y119" s="336"/>
      <c r="Z119" s="336"/>
      <c r="AA119" s="336"/>
      <c r="AB119" s="336"/>
      <c r="AC119" s="336"/>
      <c r="AD119" s="336"/>
      <c r="AE119" s="336"/>
      <c r="AF119" s="336"/>
      <c r="AG119" s="336"/>
      <c r="AH119" s="336"/>
    </row>
    <row r="120" spans="1:34" ht="88.5" customHeight="1">
      <c r="A120" s="408" t="s">
        <v>604</v>
      </c>
      <c r="B120" s="408"/>
      <c r="C120" s="408"/>
      <c r="D120" s="408"/>
      <c r="E120" s="408"/>
      <c r="F120" s="408"/>
      <c r="G120" s="408"/>
      <c r="H120" s="408"/>
      <c r="I120" s="408"/>
      <c r="J120" s="408"/>
      <c r="K120" s="408"/>
      <c r="L120" s="408"/>
      <c r="M120" s="408"/>
      <c r="N120" s="408"/>
      <c r="O120" s="408"/>
      <c r="P120" s="408"/>
      <c r="Q120" s="408"/>
      <c r="R120" s="408"/>
      <c r="S120" s="408"/>
      <c r="T120" s="408"/>
      <c r="U120" s="408"/>
      <c r="V120" s="408"/>
      <c r="W120" s="408"/>
      <c r="X120" s="408"/>
      <c r="Y120" s="408"/>
      <c r="Z120" s="408"/>
      <c r="AA120" s="408"/>
      <c r="AB120" s="408"/>
      <c r="AC120" s="408"/>
      <c r="AD120" s="408"/>
      <c r="AE120" s="408"/>
      <c r="AF120" s="408"/>
      <c r="AG120" s="408"/>
      <c r="AH120" s="408"/>
    </row>
    <row r="121" spans="1:34" ht="42" customHeight="1">
      <c r="A121" s="309"/>
      <c r="B121" s="396" t="s">
        <v>391</v>
      </c>
      <c r="C121" s="397"/>
      <c r="D121" s="397"/>
      <c r="E121" s="397"/>
      <c r="F121" s="397"/>
      <c r="G121" s="397"/>
      <c r="H121" s="397"/>
      <c r="I121" s="397"/>
      <c r="J121" s="397"/>
      <c r="K121" s="397"/>
      <c r="L121" s="397"/>
      <c r="M121" s="396" t="s">
        <v>392</v>
      </c>
      <c r="N121" s="397"/>
      <c r="O121" s="397"/>
      <c r="P121" s="397"/>
      <c r="Q121" s="397"/>
      <c r="R121" s="397"/>
      <c r="S121" s="397"/>
      <c r="T121" s="397"/>
      <c r="U121" s="397"/>
      <c r="V121" s="397"/>
      <c r="W121" s="397"/>
      <c r="X121" s="396" t="s">
        <v>269</v>
      </c>
      <c r="Y121" s="397"/>
      <c r="Z121" s="397"/>
      <c r="AA121" s="397"/>
      <c r="AB121" s="397"/>
      <c r="AC121" s="397"/>
      <c r="AD121" s="397"/>
      <c r="AE121" s="397"/>
      <c r="AF121" s="397"/>
      <c r="AG121" s="397"/>
      <c r="AH121" s="397"/>
    </row>
    <row r="122" spans="1:34" ht="72">
      <c r="A122" s="32" t="s">
        <v>71</v>
      </c>
      <c r="B122" s="33" t="s">
        <v>72</v>
      </c>
      <c r="C122" s="34" t="s">
        <v>589</v>
      </c>
      <c r="D122" s="35" t="s">
        <v>73</v>
      </c>
      <c r="E122" s="33" t="s">
        <v>158</v>
      </c>
      <c r="F122" s="35" t="s">
        <v>87</v>
      </c>
      <c r="G122" s="33" t="s">
        <v>157</v>
      </c>
      <c r="H122" s="35" t="s">
        <v>86</v>
      </c>
      <c r="I122" s="33" t="s">
        <v>156</v>
      </c>
      <c r="J122" s="35" t="s">
        <v>85</v>
      </c>
      <c r="K122" s="33" t="s">
        <v>301</v>
      </c>
      <c r="L122" s="84" t="s">
        <v>315</v>
      </c>
      <c r="M122" s="60" t="s">
        <v>72</v>
      </c>
      <c r="N122" s="61" t="s">
        <v>589</v>
      </c>
      <c r="O122" s="62" t="s">
        <v>73</v>
      </c>
      <c r="P122" s="60" t="s">
        <v>158</v>
      </c>
      <c r="Q122" s="62" t="s">
        <v>87</v>
      </c>
      <c r="R122" s="60" t="s">
        <v>157</v>
      </c>
      <c r="S122" s="62" t="s">
        <v>86</v>
      </c>
      <c r="T122" s="60" t="s">
        <v>156</v>
      </c>
      <c r="U122" s="62" t="s">
        <v>85</v>
      </c>
      <c r="V122" s="60" t="s">
        <v>301</v>
      </c>
      <c r="W122" s="83" t="s">
        <v>315</v>
      </c>
      <c r="X122" s="33" t="s">
        <v>72</v>
      </c>
      <c r="Y122" s="34" t="s">
        <v>589</v>
      </c>
      <c r="Z122" s="35" t="s">
        <v>73</v>
      </c>
      <c r="AA122" s="33" t="s">
        <v>345</v>
      </c>
      <c r="AB122" s="35" t="s">
        <v>346</v>
      </c>
      <c r="AC122" s="33" t="s">
        <v>342</v>
      </c>
      <c r="AD122" s="35" t="s">
        <v>344</v>
      </c>
      <c r="AE122" s="33" t="s">
        <v>347</v>
      </c>
      <c r="AF122" s="35" t="s">
        <v>348</v>
      </c>
      <c r="AG122" s="33" t="s">
        <v>301</v>
      </c>
      <c r="AH122" s="84" t="s">
        <v>315</v>
      </c>
    </row>
    <row r="123" spans="1:34" ht="84">
      <c r="A123" s="36"/>
      <c r="B123" s="37" t="s">
        <v>74</v>
      </c>
      <c r="C123" s="123" t="s">
        <v>573</v>
      </c>
      <c r="D123" s="39" t="s">
        <v>76</v>
      </c>
      <c r="E123" s="37" t="s">
        <v>161</v>
      </c>
      <c r="F123" s="39" t="s">
        <v>128</v>
      </c>
      <c r="G123" s="37" t="s">
        <v>160</v>
      </c>
      <c r="H123" s="39" t="s">
        <v>127</v>
      </c>
      <c r="I123" s="37" t="s">
        <v>159</v>
      </c>
      <c r="J123" s="39" t="s">
        <v>126</v>
      </c>
      <c r="K123" s="37" t="s">
        <v>301</v>
      </c>
      <c r="L123" s="86" t="s">
        <v>88</v>
      </c>
      <c r="M123" s="63" t="s">
        <v>74</v>
      </c>
      <c r="N123" s="254" t="s">
        <v>573</v>
      </c>
      <c r="O123" s="65" t="s">
        <v>76</v>
      </c>
      <c r="P123" s="63" t="s">
        <v>161</v>
      </c>
      <c r="Q123" s="65" t="s">
        <v>128</v>
      </c>
      <c r="R123" s="63" t="s">
        <v>160</v>
      </c>
      <c r="S123" s="65" t="s">
        <v>127</v>
      </c>
      <c r="T123" s="63" t="s">
        <v>159</v>
      </c>
      <c r="U123" s="65" t="s">
        <v>126</v>
      </c>
      <c r="V123" s="63" t="s">
        <v>301</v>
      </c>
      <c r="W123" s="85" t="s">
        <v>88</v>
      </c>
      <c r="X123" s="37" t="s">
        <v>74</v>
      </c>
      <c r="Y123" s="123" t="s">
        <v>575</v>
      </c>
      <c r="Z123" s="39" t="s">
        <v>76</v>
      </c>
      <c r="AA123" s="37" t="s">
        <v>341</v>
      </c>
      <c r="AB123" s="39" t="s">
        <v>88</v>
      </c>
      <c r="AC123" s="37" t="s">
        <v>343</v>
      </c>
      <c r="AD123" s="39" t="s">
        <v>88</v>
      </c>
      <c r="AE123" s="37" t="s">
        <v>159</v>
      </c>
      <c r="AF123" s="39" t="s">
        <v>88</v>
      </c>
      <c r="AG123" s="37" t="s">
        <v>301</v>
      </c>
      <c r="AH123" s="86" t="s">
        <v>88</v>
      </c>
    </row>
    <row r="124" spans="1:34">
      <c r="A124" s="40" t="s">
        <v>349</v>
      </c>
      <c r="B124" s="167">
        <v>12544</v>
      </c>
      <c r="C124" s="162">
        <v>3.2020242938552061</v>
      </c>
      <c r="D124" s="81">
        <v>3.153995798480589E-2</v>
      </c>
      <c r="E124" s="170">
        <v>0.54132231395590125</v>
      </c>
      <c r="F124" s="89">
        <v>8.8966286615720213E-3</v>
      </c>
      <c r="G124" s="169">
        <v>0.18931842611000591</v>
      </c>
      <c r="H124" s="89">
        <v>6.99602529067041E-3</v>
      </c>
      <c r="I124" s="169">
        <v>0.18067742109804744</v>
      </c>
      <c r="J124" s="89">
        <v>6.8709607644124732E-3</v>
      </c>
      <c r="K124" s="88">
        <v>8.8681838836064675E-2</v>
      </c>
      <c r="L124" s="89">
        <v>5.0790755597446618E-3</v>
      </c>
      <c r="M124" s="167">
        <v>13868</v>
      </c>
      <c r="N124" s="162">
        <v>4.2251086056961293</v>
      </c>
      <c r="O124" s="81">
        <v>3.4600329527097004E-2</v>
      </c>
      <c r="P124" s="170">
        <v>0.3086532060730165</v>
      </c>
      <c r="Q124" s="89">
        <v>7.8445007978317771E-3</v>
      </c>
      <c r="R124" s="169">
        <v>0.17006063879593769</v>
      </c>
      <c r="S124" s="89">
        <v>6.3809022605139723E-3</v>
      </c>
      <c r="T124" s="169">
        <v>0.38657136831239003</v>
      </c>
      <c r="U124" s="89">
        <v>8.2692117420913973E-3</v>
      </c>
      <c r="V124" s="88">
        <v>0.13471478681867408</v>
      </c>
      <c r="W124" s="89">
        <v>5.7995061308474616E-3</v>
      </c>
      <c r="X124" s="167">
        <v>12646</v>
      </c>
      <c r="Y124" s="162">
        <v>4.0793748706653501</v>
      </c>
      <c r="Z124" s="81">
        <v>3.006042364766669E-2</v>
      </c>
      <c r="AA124" s="170">
        <v>0.32015440915641791</v>
      </c>
      <c r="AB124" s="89">
        <v>8.2964064833803784E-3</v>
      </c>
      <c r="AC124" s="169">
        <v>0.21623776700014877</v>
      </c>
      <c r="AD124" s="89">
        <v>7.3216320227927588E-3</v>
      </c>
      <c r="AE124" s="169">
        <v>0.34397079789181911</v>
      </c>
      <c r="AF124" s="89">
        <v>8.4473778100156386E-3</v>
      </c>
      <c r="AG124" s="88">
        <v>0.11963702595163563</v>
      </c>
      <c r="AH124" s="89">
        <v>5.7734704206014557E-3</v>
      </c>
    </row>
    <row r="125" spans="1:34">
      <c r="A125" s="44" t="s">
        <v>350</v>
      </c>
      <c r="B125" s="168">
        <v>8843</v>
      </c>
      <c r="C125" s="164">
        <v>3.2124908083789454</v>
      </c>
      <c r="D125" s="82">
        <v>3.8363003004730611E-2</v>
      </c>
      <c r="E125" s="172">
        <v>0.53095192952762793</v>
      </c>
      <c r="F125" s="92">
        <v>1.0611310330756832E-2</v>
      </c>
      <c r="G125" s="171">
        <v>0.1800685870428696</v>
      </c>
      <c r="H125" s="92">
        <v>8.1728923267226986E-3</v>
      </c>
      <c r="I125" s="171">
        <v>0.19505282949331718</v>
      </c>
      <c r="J125" s="92">
        <v>8.4276800677694375E-3</v>
      </c>
      <c r="K125" s="91">
        <v>9.392665393618771E-2</v>
      </c>
      <c r="L125" s="92">
        <v>6.2085205488478408E-3</v>
      </c>
      <c r="M125" s="168">
        <v>10167</v>
      </c>
      <c r="N125" s="164">
        <v>4.2642339328417718</v>
      </c>
      <c r="O125" s="82">
        <v>4.1164911193939904E-2</v>
      </c>
      <c r="P125" s="172">
        <v>0.3051613242877792</v>
      </c>
      <c r="Q125" s="92">
        <v>9.132411585747565E-3</v>
      </c>
      <c r="R125" s="171">
        <v>0.1551825020099766</v>
      </c>
      <c r="S125" s="92">
        <v>7.1829990453528506E-3</v>
      </c>
      <c r="T125" s="171">
        <v>0.39409960450788062</v>
      </c>
      <c r="U125" s="92">
        <v>9.6908039136822926E-3</v>
      </c>
      <c r="V125" s="91">
        <v>0.14555656919436291</v>
      </c>
      <c r="W125" s="92">
        <v>6.9964568000390956E-3</v>
      </c>
      <c r="X125" s="168">
        <v>8860</v>
      </c>
      <c r="Y125" s="164">
        <v>3.9392030712344388</v>
      </c>
      <c r="Z125" s="82">
        <v>3.5301255594685318E-2</v>
      </c>
      <c r="AA125" s="172">
        <v>0.33611635361931547</v>
      </c>
      <c r="AB125" s="92">
        <v>1.0035280384670728E-2</v>
      </c>
      <c r="AC125" s="171">
        <v>0.22551111145911626</v>
      </c>
      <c r="AD125" s="92">
        <v>8.8795549367867554E-3</v>
      </c>
      <c r="AE125" s="171">
        <v>0.30451770882129348</v>
      </c>
      <c r="AF125" s="92">
        <v>9.7768688052502807E-3</v>
      </c>
      <c r="AG125" s="91">
        <v>0.1338548261002768</v>
      </c>
      <c r="AH125" s="92">
        <v>7.2369227002307725E-3</v>
      </c>
    </row>
    <row r="126" spans="1:34">
      <c r="A126" s="40" t="s">
        <v>351</v>
      </c>
      <c r="B126" s="167">
        <v>3701</v>
      </c>
      <c r="C126" s="162">
        <v>3.1938173255393223</v>
      </c>
      <c r="D126" s="81">
        <v>5.4962690047433468E-2</v>
      </c>
      <c r="E126" s="170">
        <v>0.54953826598148137</v>
      </c>
      <c r="F126" s="89">
        <v>1.634814408660501E-2</v>
      </c>
      <c r="G126" s="169">
        <v>0.19664662445651993</v>
      </c>
      <c r="H126" s="89">
        <v>1.3067883512336344E-2</v>
      </c>
      <c r="I126" s="169">
        <v>0.16928848305618316</v>
      </c>
      <c r="J126" s="89">
        <v>1.2332151755394649E-2</v>
      </c>
      <c r="K126" s="88">
        <v>8.4526626505818131E-2</v>
      </c>
      <c r="L126" s="89">
        <v>9.1621706207656636E-3</v>
      </c>
      <c r="M126" s="167">
        <v>3701</v>
      </c>
      <c r="N126" s="162">
        <v>4.1940876797281677</v>
      </c>
      <c r="O126" s="81">
        <v>6.3343293074124188E-2</v>
      </c>
      <c r="P126" s="170">
        <v>0.31148540377649131</v>
      </c>
      <c r="Q126" s="89">
        <v>1.5219099452797338E-2</v>
      </c>
      <c r="R126" s="169">
        <v>0.18212800746102167</v>
      </c>
      <c r="S126" s="89">
        <v>1.2690670667667259E-2</v>
      </c>
      <c r="T126" s="169">
        <v>0.3804653617017546</v>
      </c>
      <c r="U126" s="89">
        <v>1.5953451384760974E-2</v>
      </c>
      <c r="V126" s="88">
        <v>0.12592122706073255</v>
      </c>
      <c r="W126" s="89">
        <v>1.0915801530190013E-2</v>
      </c>
      <c r="X126" s="167">
        <v>3786</v>
      </c>
      <c r="Y126" s="162">
        <v>4.1849847042447967</v>
      </c>
      <c r="Z126" s="81">
        <v>5.6530235627231418E-2</v>
      </c>
      <c r="AA126" s="170">
        <v>0.30777769801184185</v>
      </c>
      <c r="AB126" s="89">
        <v>1.4997925589034594E-2</v>
      </c>
      <c r="AC126" s="169">
        <v>0.20904732062442041</v>
      </c>
      <c r="AD126" s="89">
        <v>1.3217288275458684E-2</v>
      </c>
      <c r="AE126" s="169">
        <v>0.37456227678848397</v>
      </c>
      <c r="AF126" s="89">
        <v>1.5725165049146072E-2</v>
      </c>
      <c r="AG126" s="88">
        <v>0.1086127045752539</v>
      </c>
      <c r="AH126" s="89">
        <v>1.0125292030321332E-2</v>
      </c>
    </row>
    <row r="127" spans="1:34">
      <c r="A127" s="44" t="s">
        <v>533</v>
      </c>
      <c r="B127" s="168">
        <v>2702</v>
      </c>
      <c r="C127" s="164">
        <v>3.1204499619609094</v>
      </c>
      <c r="D127" s="82">
        <v>6.8726050816834583E-2</v>
      </c>
      <c r="E127" s="172">
        <v>0.56980521660478611</v>
      </c>
      <c r="F127" s="92">
        <v>1.9035953336982058E-2</v>
      </c>
      <c r="G127" s="171">
        <v>0.17520492474265176</v>
      </c>
      <c r="H127" s="92">
        <v>1.4631204387297874E-2</v>
      </c>
      <c r="I127" s="171">
        <v>0.16936517306966015</v>
      </c>
      <c r="J127" s="92">
        <v>1.4437139193696009E-2</v>
      </c>
      <c r="K127" s="91">
        <v>8.5624685582895169E-2</v>
      </c>
      <c r="L127" s="92">
        <v>1.0792702136302826E-2</v>
      </c>
      <c r="M127" s="168">
        <v>3195</v>
      </c>
      <c r="N127" s="164">
        <v>4.1720805502610094</v>
      </c>
      <c r="O127" s="82">
        <v>7.365008359045383E-2</v>
      </c>
      <c r="P127" s="172">
        <v>0.3153992340610447</v>
      </c>
      <c r="Q127" s="92">
        <v>1.6434538618738382E-2</v>
      </c>
      <c r="R127" s="171">
        <v>0.16215503894945588</v>
      </c>
      <c r="S127" s="92">
        <v>1.3047442279026622E-2</v>
      </c>
      <c r="T127" s="171">
        <v>0.37970749305058804</v>
      </c>
      <c r="U127" s="92">
        <v>1.7162441351781389E-2</v>
      </c>
      <c r="V127" s="91">
        <v>0.14273823393890686</v>
      </c>
      <c r="W127" s="92">
        <v>1.2385544550702676E-2</v>
      </c>
      <c r="X127" s="168">
        <v>2715</v>
      </c>
      <c r="Y127" s="164">
        <v>4.043524082790463</v>
      </c>
      <c r="Z127" s="82">
        <v>6.4233495195140003E-2</v>
      </c>
      <c r="AA127" s="172">
        <v>0.33984576221862584</v>
      </c>
      <c r="AB127" s="92">
        <v>1.817029620431081E-2</v>
      </c>
      <c r="AC127" s="171">
        <v>0.19522393344912481</v>
      </c>
      <c r="AD127" s="92">
        <v>1.5216212972627496E-2</v>
      </c>
      <c r="AE127" s="171">
        <v>0.33361766750777599</v>
      </c>
      <c r="AF127" s="92">
        <v>1.8088024330727953E-2</v>
      </c>
      <c r="AG127" s="91">
        <v>0.13131263682446792</v>
      </c>
      <c r="AH127" s="92">
        <v>1.2976867205022431E-2</v>
      </c>
    </row>
    <row r="128" spans="1:34">
      <c r="A128" s="40" t="s">
        <v>534</v>
      </c>
      <c r="B128" s="167">
        <v>2018</v>
      </c>
      <c r="C128" s="162">
        <v>3.1478352280841482</v>
      </c>
      <c r="D128" s="81">
        <v>8.109927988602729E-2</v>
      </c>
      <c r="E128" s="170">
        <v>0.53497704288457981</v>
      </c>
      <c r="F128" s="89">
        <v>2.2184436940381202E-2</v>
      </c>
      <c r="G128" s="169">
        <v>0.17093657366189444</v>
      </c>
      <c r="H128" s="89">
        <v>1.6768939779522617E-2</v>
      </c>
      <c r="I128" s="169">
        <v>0.17852645304051165</v>
      </c>
      <c r="J128" s="89">
        <v>1.7056561367948898E-2</v>
      </c>
      <c r="K128" s="88">
        <v>0.11555993041301459</v>
      </c>
      <c r="L128" s="89">
        <v>1.4259846511717279E-2</v>
      </c>
      <c r="M128" s="167">
        <v>2510</v>
      </c>
      <c r="N128" s="162">
        <v>4.3150698332669517</v>
      </c>
      <c r="O128" s="81">
        <v>8.4244854744390862E-2</v>
      </c>
      <c r="P128" s="170">
        <v>0.29651654925275023</v>
      </c>
      <c r="Q128" s="89">
        <v>1.8223667383194662E-2</v>
      </c>
      <c r="R128" s="169">
        <v>0.132742891746681</v>
      </c>
      <c r="S128" s="89">
        <v>1.3559209286385569E-2</v>
      </c>
      <c r="T128" s="169">
        <v>0.38636977451963866</v>
      </c>
      <c r="U128" s="89">
        <v>1.9424055116013535E-2</v>
      </c>
      <c r="V128" s="88">
        <v>0.18437078448093355</v>
      </c>
      <c r="W128" s="89">
        <v>1.5484483500247465E-2</v>
      </c>
      <c r="X128" s="167">
        <v>2018</v>
      </c>
      <c r="Y128" s="162">
        <v>4.0281600485969653</v>
      </c>
      <c r="Z128" s="81">
        <v>7.2449440179239405E-2</v>
      </c>
      <c r="AA128" s="170">
        <v>0.30974796793449016</v>
      </c>
      <c r="AB128" s="89">
        <v>2.0572769240481032E-2</v>
      </c>
      <c r="AC128" s="169">
        <v>0.21257269414649851</v>
      </c>
      <c r="AD128" s="89">
        <v>1.8214682118389596E-2</v>
      </c>
      <c r="AE128" s="169">
        <v>0.29527595201084328</v>
      </c>
      <c r="AF128" s="89">
        <v>2.0297184898738042E-2</v>
      </c>
      <c r="AG128" s="88">
        <v>0.18240338590816985</v>
      </c>
      <c r="AH128" s="89">
        <v>1.7199077364095816E-2</v>
      </c>
    </row>
    <row r="129" spans="1:34">
      <c r="A129" s="44" t="s">
        <v>535</v>
      </c>
      <c r="B129" s="168">
        <v>399</v>
      </c>
      <c r="C129" s="164">
        <v>3.2234582755616681</v>
      </c>
      <c r="D129" s="82">
        <v>0.18425476368226137</v>
      </c>
      <c r="E129" s="172">
        <v>0.54732700366211229</v>
      </c>
      <c r="F129" s="92">
        <v>4.9594324246217319E-2</v>
      </c>
      <c r="G129" s="171">
        <v>0.15177953119473803</v>
      </c>
      <c r="H129" s="92">
        <v>3.6077894208340351E-2</v>
      </c>
      <c r="I129" s="171">
        <v>0.18259743964697847</v>
      </c>
      <c r="J129" s="92">
        <v>3.8745281082200898E-2</v>
      </c>
      <c r="K129" s="91">
        <v>0.11829602549617495</v>
      </c>
      <c r="L129" s="92">
        <v>3.261627243142242E-2</v>
      </c>
      <c r="M129" s="168">
        <v>489</v>
      </c>
      <c r="N129" s="164">
        <v>4.4169450224826097</v>
      </c>
      <c r="O129" s="82">
        <v>0.1958802396732362</v>
      </c>
      <c r="P129" s="172">
        <v>0.29491235447492486</v>
      </c>
      <c r="Q129" s="92">
        <v>4.1141798950233281E-2</v>
      </c>
      <c r="R129" s="171">
        <v>0.12977588255780614</v>
      </c>
      <c r="S129" s="92">
        <v>3.0565896336744208E-2</v>
      </c>
      <c r="T129" s="171">
        <v>0.40736433088753182</v>
      </c>
      <c r="U129" s="92">
        <v>4.4270725247063873E-2</v>
      </c>
      <c r="V129" s="91">
        <v>0.16794743207974105</v>
      </c>
      <c r="W129" s="92">
        <v>3.3885982904258857E-2</v>
      </c>
      <c r="X129" s="168">
        <v>397</v>
      </c>
      <c r="Y129" s="164">
        <v>4.0891273824419603</v>
      </c>
      <c r="Z129" s="82">
        <v>0.16822624790422619</v>
      </c>
      <c r="AA129" s="172">
        <v>0.31037290520531896</v>
      </c>
      <c r="AB129" s="92">
        <v>4.6283886258598424E-2</v>
      </c>
      <c r="AC129" s="171">
        <v>0.19274865394213656</v>
      </c>
      <c r="AD129" s="92">
        <v>3.9633052080585159E-2</v>
      </c>
      <c r="AE129" s="171">
        <v>0.30137205589870697</v>
      </c>
      <c r="AF129" s="92">
        <v>4.5913298714973426E-2</v>
      </c>
      <c r="AG129" s="91">
        <v>0.19550638495384148</v>
      </c>
      <c r="AH129" s="92">
        <v>3.9840594583330377E-2</v>
      </c>
    </row>
    <row r="130" spans="1:34">
      <c r="A130" s="40" t="s">
        <v>536</v>
      </c>
      <c r="B130" s="167">
        <v>68</v>
      </c>
      <c r="C130" s="162">
        <v>3.3226156617615499</v>
      </c>
      <c r="D130" s="81">
        <v>0.43707595919919578</v>
      </c>
      <c r="E130" s="170">
        <v>0.52040609336230914</v>
      </c>
      <c r="F130" s="89">
        <v>0.11776355165452541</v>
      </c>
      <c r="G130" s="169">
        <v>0.16282986312934244</v>
      </c>
      <c r="H130" s="89">
        <v>9.0859153986604366E-2</v>
      </c>
      <c r="I130" s="169">
        <v>0.19194827099140319</v>
      </c>
      <c r="J130" s="89">
        <v>9.5845717773449635E-2</v>
      </c>
      <c r="K130" s="88">
        <v>0.12481577251694465</v>
      </c>
      <c r="L130" s="89">
        <v>8.3147358204256658E-2</v>
      </c>
      <c r="M130" s="167">
        <v>89</v>
      </c>
      <c r="N130" s="162">
        <v>4.7034171690776114</v>
      </c>
      <c r="O130" s="81">
        <v>0.42749448678536661</v>
      </c>
      <c r="P130" s="170">
        <v>0.22008764542788919</v>
      </c>
      <c r="Q130" s="89">
        <v>8.7558028698059703E-2</v>
      </c>
      <c r="R130" s="169">
        <v>0.11540068953089276</v>
      </c>
      <c r="S130" s="89">
        <v>7.0186769849044109E-2</v>
      </c>
      <c r="T130" s="169">
        <v>0.41674249574828454</v>
      </c>
      <c r="U130" s="89">
        <v>0.10237011693480189</v>
      </c>
      <c r="V130" s="88">
        <v>0.24776916929293288</v>
      </c>
      <c r="W130" s="89">
        <v>9.0811073406047382E-2</v>
      </c>
      <c r="X130" s="167">
        <v>68</v>
      </c>
      <c r="Y130" s="162">
        <v>4.3873280353086228</v>
      </c>
      <c r="Z130" s="81">
        <v>0.41847471059823921</v>
      </c>
      <c r="AA130" s="170">
        <v>0.25913990952784177</v>
      </c>
      <c r="AB130" s="89">
        <v>0.10494795435928655</v>
      </c>
      <c r="AC130" s="169">
        <v>0.1608482561346217</v>
      </c>
      <c r="AD130" s="89">
        <v>9.0492945246555545E-2</v>
      </c>
      <c r="AE130" s="169">
        <v>0.38825615305663175</v>
      </c>
      <c r="AF130" s="89">
        <v>0.11519601247322669</v>
      </c>
      <c r="AG130" s="88">
        <v>0.19175568128090417</v>
      </c>
      <c r="AH130" s="89">
        <v>9.581502970085419E-2</v>
      </c>
    </row>
    <row r="131" spans="1:34">
      <c r="A131" s="44" t="s">
        <v>537</v>
      </c>
      <c r="B131" s="168">
        <v>98</v>
      </c>
      <c r="C131" s="164">
        <v>3.0879295020569311</v>
      </c>
      <c r="D131" s="82">
        <v>0.33671584170103203</v>
      </c>
      <c r="E131" s="172">
        <v>0.62469941415954211</v>
      </c>
      <c r="F131" s="92">
        <v>9.6130170277387142E-2</v>
      </c>
      <c r="G131" s="171">
        <v>0.15293775330441386</v>
      </c>
      <c r="H131" s="92">
        <v>7.3780221776455532E-2</v>
      </c>
      <c r="I131" s="171">
        <v>0.13895200592514256</v>
      </c>
      <c r="J131" s="92">
        <v>7.1309281848637204E-2</v>
      </c>
      <c r="K131" s="91">
        <v>8.3410826610900893E-2</v>
      </c>
      <c r="L131" s="92">
        <v>5.9342165637467532E-2</v>
      </c>
      <c r="M131" s="168">
        <v>140</v>
      </c>
      <c r="N131" s="164">
        <v>4.3254247762640556</v>
      </c>
      <c r="O131" s="82">
        <v>0.35651923016012216</v>
      </c>
      <c r="P131" s="172">
        <v>0.32340392174971705</v>
      </c>
      <c r="Q131" s="92">
        <v>7.8266341390885952E-2</v>
      </c>
      <c r="R131" s="171">
        <v>0.16322518475058895</v>
      </c>
      <c r="S131" s="92">
        <v>6.2980634208606986E-2</v>
      </c>
      <c r="T131" s="171">
        <v>0.39808506324370491</v>
      </c>
      <c r="U131" s="92">
        <v>8.1680673564816342E-2</v>
      </c>
      <c r="V131" s="91">
        <v>0.11528583025598901</v>
      </c>
      <c r="W131" s="92">
        <v>5.5303030305015662E-2</v>
      </c>
      <c r="X131" s="168">
        <v>98</v>
      </c>
      <c r="Y131" s="164">
        <v>4.0756927013507642</v>
      </c>
      <c r="Z131" s="82">
        <v>0.31328561058517468</v>
      </c>
      <c r="AA131" s="172">
        <v>0.3115806335389531</v>
      </c>
      <c r="AB131" s="92">
        <v>9.229704911539198E-2</v>
      </c>
      <c r="AC131" s="171">
        <v>0.218382348462864</v>
      </c>
      <c r="AD131" s="92">
        <v>8.3264239626103978E-2</v>
      </c>
      <c r="AE131" s="171">
        <v>0.31024901281903722</v>
      </c>
      <c r="AF131" s="92">
        <v>9.2198240601276599E-2</v>
      </c>
      <c r="AG131" s="91">
        <v>0.15978800517914493</v>
      </c>
      <c r="AH131" s="92">
        <v>7.4926310366540752E-2</v>
      </c>
    </row>
    <row r="132" spans="1:34">
      <c r="A132" s="40" t="s">
        <v>538</v>
      </c>
      <c r="B132" s="167">
        <v>81</v>
      </c>
      <c r="C132" s="162">
        <v>3.3300084677369117</v>
      </c>
      <c r="D132" s="81">
        <v>0.43995650067709896</v>
      </c>
      <c r="E132" s="170">
        <v>0.52209438334957781</v>
      </c>
      <c r="F132" s="89">
        <v>0.10836902136285917</v>
      </c>
      <c r="G132" s="169">
        <v>0.15765542653773831</v>
      </c>
      <c r="H132" s="89">
        <v>8.2196670968631272E-2</v>
      </c>
      <c r="I132" s="169">
        <v>0.26585729043034018</v>
      </c>
      <c r="J132" s="89">
        <v>9.7066521369724573E-2</v>
      </c>
      <c r="K132" s="88">
        <v>5.4392899682343149E-2</v>
      </c>
      <c r="L132" s="89">
        <v>5.7264347693371707E-2</v>
      </c>
      <c r="M132" s="167">
        <v>107</v>
      </c>
      <c r="N132" s="162">
        <v>4.2041597491133293</v>
      </c>
      <c r="O132" s="81">
        <v>0.39622965328749676</v>
      </c>
      <c r="P132" s="170">
        <v>0.29676224196162748</v>
      </c>
      <c r="Q132" s="89">
        <v>8.7326198794279553E-2</v>
      </c>
      <c r="R132" s="169">
        <v>0.22388571896115184</v>
      </c>
      <c r="S132" s="89">
        <v>8.0349822911897142E-2</v>
      </c>
      <c r="T132" s="169">
        <v>0.38857150293737142</v>
      </c>
      <c r="U132" s="89">
        <v>9.2699735260976551E-2</v>
      </c>
      <c r="V132" s="88">
        <v>9.0780536139848683E-2</v>
      </c>
      <c r="W132" s="89">
        <v>5.8322247708029129E-2</v>
      </c>
      <c r="X132" s="167">
        <v>81</v>
      </c>
      <c r="Y132" s="162">
        <v>3.8317707844969715</v>
      </c>
      <c r="Z132" s="81">
        <v>0.35777922847946464</v>
      </c>
      <c r="AA132" s="170">
        <v>0.37664772706805449</v>
      </c>
      <c r="AB132" s="89">
        <v>0.10542521065315931</v>
      </c>
      <c r="AC132" s="169">
        <v>0.19673640188194216</v>
      </c>
      <c r="AD132" s="89">
        <v>8.8512786739505842E-2</v>
      </c>
      <c r="AE132" s="169">
        <v>0.24108515821844922</v>
      </c>
      <c r="AF132" s="89">
        <v>9.4339562943591318E-2</v>
      </c>
      <c r="AG132" s="88">
        <v>0.18553071283155367</v>
      </c>
      <c r="AH132" s="89">
        <v>8.682570833599354E-2</v>
      </c>
    </row>
    <row r="133" spans="1:34">
      <c r="A133" s="44" t="s">
        <v>539</v>
      </c>
      <c r="B133" s="168">
        <v>152</v>
      </c>
      <c r="C133" s="164">
        <v>3.2117734645173721</v>
      </c>
      <c r="D133" s="82">
        <v>0.30517541527175873</v>
      </c>
      <c r="E133" s="172">
        <v>0.52579352127103984</v>
      </c>
      <c r="F133" s="92">
        <v>7.996287200786828E-2</v>
      </c>
      <c r="G133" s="171">
        <v>0.14430914432441722</v>
      </c>
      <c r="H133" s="92">
        <v>5.7710336569729515E-2</v>
      </c>
      <c r="I133" s="171">
        <v>0.164439625370319</v>
      </c>
      <c r="J133" s="92">
        <v>6.0574091617979338E-2</v>
      </c>
      <c r="K133" s="91">
        <v>0.1654577090342233</v>
      </c>
      <c r="L133" s="92">
        <v>6.0711019123806449E-2</v>
      </c>
      <c r="M133" s="168">
        <v>153</v>
      </c>
      <c r="N133" s="164">
        <v>4.491328509410029</v>
      </c>
      <c r="O133" s="82">
        <v>0.38617008985234019</v>
      </c>
      <c r="P133" s="172">
        <v>0.30631003311419458</v>
      </c>
      <c r="Q133" s="92">
        <v>7.3903272640554588E-2</v>
      </c>
      <c r="R133" s="171">
        <v>6.8817489553280847E-2</v>
      </c>
      <c r="S133" s="92">
        <v>4.3254397053079513E-2</v>
      </c>
      <c r="T133" s="171">
        <v>0.41854096278863073</v>
      </c>
      <c r="U133" s="92">
        <v>7.8796397549869085E-2</v>
      </c>
      <c r="V133" s="91">
        <v>0.20633151454389315</v>
      </c>
      <c r="W133" s="92">
        <v>6.5442598045812428E-2</v>
      </c>
      <c r="X133" s="168">
        <v>150</v>
      </c>
      <c r="Y133" s="164">
        <v>4.1101644145748741</v>
      </c>
      <c r="Z133" s="82">
        <v>0.28918671746323804</v>
      </c>
      <c r="AA133" s="172">
        <v>0.29719112671085091</v>
      </c>
      <c r="AB133" s="92">
        <v>7.4026585207489004E-2</v>
      </c>
      <c r="AC133" s="171">
        <v>0.18836257548771804</v>
      </c>
      <c r="AD133" s="92">
        <v>6.4033611296198695E-2</v>
      </c>
      <c r="AE133" s="171">
        <v>0.29270643452893724</v>
      </c>
      <c r="AF133" s="92">
        <v>7.3719832518363643E-2</v>
      </c>
      <c r="AG133" s="91">
        <v>0.22173986327249287</v>
      </c>
      <c r="AH133" s="92">
        <v>6.7716239367726166E-2</v>
      </c>
    </row>
    <row r="134" spans="1:34">
      <c r="A134" s="40" t="s">
        <v>540</v>
      </c>
      <c r="B134" s="167">
        <v>294</v>
      </c>
      <c r="C134" s="162">
        <v>3.0310554966114447</v>
      </c>
      <c r="D134" s="81">
        <v>0.21761049848424738</v>
      </c>
      <c r="E134" s="170">
        <v>0.5748640667767041</v>
      </c>
      <c r="F134" s="89">
        <v>5.7292938709349497E-2</v>
      </c>
      <c r="G134" s="169">
        <v>0.1278635138159169</v>
      </c>
      <c r="H134" s="89">
        <v>3.9324364032998146E-2</v>
      </c>
      <c r="I134" s="169">
        <v>0.20283998438067843</v>
      </c>
      <c r="J134" s="89">
        <v>4.6925700858796791E-2</v>
      </c>
      <c r="K134" s="88">
        <v>9.4432435026698791E-2</v>
      </c>
      <c r="L134" s="89">
        <v>3.4737949127573026E-2</v>
      </c>
      <c r="M134" s="167">
        <v>341</v>
      </c>
      <c r="N134" s="162">
        <v>4.0284118748603222</v>
      </c>
      <c r="O134" s="81">
        <v>0.23028893863622524</v>
      </c>
      <c r="P134" s="170">
        <v>0.38328295492189168</v>
      </c>
      <c r="Q134" s="89">
        <v>5.2385548702267214E-2</v>
      </c>
      <c r="R134" s="169">
        <v>0.12688707293632581</v>
      </c>
      <c r="S134" s="89">
        <v>3.6355118583235223E-2</v>
      </c>
      <c r="T134" s="169">
        <v>0.3540103838605464</v>
      </c>
      <c r="U134" s="89">
        <v>5.1547460132080586E-2</v>
      </c>
      <c r="V134" s="88">
        <v>0.13581958828123641</v>
      </c>
      <c r="W134" s="89">
        <v>3.7366995674098763E-2</v>
      </c>
      <c r="X134" s="167">
        <v>293</v>
      </c>
      <c r="Y134" s="162">
        <v>3.7417432465998215</v>
      </c>
      <c r="Z134" s="81">
        <v>0.2011836116701862</v>
      </c>
      <c r="AA134" s="170">
        <v>0.38803510380838707</v>
      </c>
      <c r="AB134" s="89">
        <v>5.6592257965199233E-2</v>
      </c>
      <c r="AC134" s="169">
        <v>0.1667160194974748</v>
      </c>
      <c r="AD134" s="89">
        <v>4.371527803185403E-2</v>
      </c>
      <c r="AE134" s="169">
        <v>0.26874846334169566</v>
      </c>
      <c r="AF134" s="89">
        <v>5.1633712783249901E-2</v>
      </c>
      <c r="AG134" s="88">
        <v>0.17650041335244043</v>
      </c>
      <c r="AH134" s="89">
        <v>4.4668316494541331E-2</v>
      </c>
    </row>
    <row r="135" spans="1:34">
      <c r="A135" s="44" t="s">
        <v>541</v>
      </c>
      <c r="B135" s="168">
        <v>94</v>
      </c>
      <c r="C135" s="164">
        <v>2.8687670562864023</v>
      </c>
      <c r="D135" s="82">
        <v>0.38423857634557562</v>
      </c>
      <c r="E135" s="172">
        <v>0.60829033492111995</v>
      </c>
      <c r="F135" s="92">
        <v>9.8811499860198881E-2</v>
      </c>
      <c r="G135" s="171">
        <v>9.6381614347020292E-2</v>
      </c>
      <c r="H135" s="92">
        <v>6.3925784412824899E-2</v>
      </c>
      <c r="I135" s="171">
        <v>0.17201389706190842</v>
      </c>
      <c r="J135" s="92">
        <v>7.8513620978975615E-2</v>
      </c>
      <c r="K135" s="91">
        <v>0.12331415366995176</v>
      </c>
      <c r="L135" s="92">
        <v>6.9826146658174076E-2</v>
      </c>
      <c r="M135" s="168">
        <v>113</v>
      </c>
      <c r="N135" s="164">
        <v>3.6315359498356945</v>
      </c>
      <c r="O135" s="82">
        <v>0.38664773991412621</v>
      </c>
      <c r="P135" s="172">
        <v>0.40838355680694538</v>
      </c>
      <c r="Q135" s="92">
        <v>9.099084883925658E-2</v>
      </c>
      <c r="R135" s="171">
        <v>0.15673650999342328</v>
      </c>
      <c r="S135" s="92">
        <v>6.9205304487478525E-2</v>
      </c>
      <c r="T135" s="171">
        <v>0.26918079907612347</v>
      </c>
      <c r="U135" s="92">
        <v>8.2752463914952348E-2</v>
      </c>
      <c r="V135" s="91">
        <v>0.16569913412350831</v>
      </c>
      <c r="W135" s="92">
        <v>7.0590625748765914E-2</v>
      </c>
      <c r="X135" s="168">
        <v>94</v>
      </c>
      <c r="Y135" s="164">
        <v>3.2282653026135169</v>
      </c>
      <c r="Z135" s="82">
        <v>0.32436304873919808</v>
      </c>
      <c r="AA135" s="172">
        <v>0.47272230859561143</v>
      </c>
      <c r="AB135" s="92">
        <v>0.10087685532885118</v>
      </c>
      <c r="AC135" s="171">
        <v>0.19341095732793248</v>
      </c>
      <c r="AD135" s="92">
        <v>8.1696245330575554E-2</v>
      </c>
      <c r="AE135" s="171">
        <v>0.14569705411933864</v>
      </c>
      <c r="AF135" s="92">
        <v>7.4095274058783966E-2</v>
      </c>
      <c r="AG135" s="91">
        <v>0.18816967995711789</v>
      </c>
      <c r="AH135" s="92">
        <v>8.0947870214422235E-2</v>
      </c>
    </row>
    <row r="136" spans="1:34">
      <c r="A136" s="40" t="s">
        <v>542</v>
      </c>
      <c r="B136" s="167">
        <v>88</v>
      </c>
      <c r="C136" s="162">
        <v>3.164164685139307</v>
      </c>
      <c r="D136" s="81">
        <v>0.41494367349111944</v>
      </c>
      <c r="E136" s="170">
        <v>0.55244637730526247</v>
      </c>
      <c r="F136" s="89">
        <v>0.10373112450772777</v>
      </c>
      <c r="G136" s="169">
        <v>0.14434168601318606</v>
      </c>
      <c r="H136" s="89">
        <v>7.6404934927541093E-2</v>
      </c>
      <c r="I136" s="169">
        <v>0.22100843080942437</v>
      </c>
      <c r="J136" s="89">
        <v>8.8166083221127886E-2</v>
      </c>
      <c r="K136" s="88">
        <v>8.220350587212763E-2</v>
      </c>
      <c r="L136" s="89">
        <v>6.2656663070123117E-2</v>
      </c>
      <c r="M136" s="167">
        <v>95</v>
      </c>
      <c r="N136" s="162">
        <v>4.2086082387016868</v>
      </c>
      <c r="O136" s="81">
        <v>0.44619334645178288</v>
      </c>
      <c r="P136" s="170">
        <v>0.38201161576081305</v>
      </c>
      <c r="Q136" s="89">
        <v>9.7893152457076554E-2</v>
      </c>
      <c r="R136" s="169">
        <v>9.5270522033252258E-2</v>
      </c>
      <c r="S136" s="89">
        <v>6.329775177103529E-2</v>
      </c>
      <c r="T136" s="169">
        <v>0.3756605128615032</v>
      </c>
      <c r="U136" s="89">
        <v>9.7600250665643887E-2</v>
      </c>
      <c r="V136" s="88">
        <v>0.14705734934443226</v>
      </c>
      <c r="W136" s="89">
        <v>7.3935344817903495E-2</v>
      </c>
      <c r="X136" s="167">
        <v>87</v>
      </c>
      <c r="Y136" s="162">
        <v>4.0849387555817769</v>
      </c>
      <c r="Z136" s="81">
        <v>0.37904321794938822</v>
      </c>
      <c r="AA136" s="170">
        <v>0.32210716698798597</v>
      </c>
      <c r="AB136" s="89">
        <v>9.8577809855474749E-2</v>
      </c>
      <c r="AC136" s="169">
        <v>0.1591848330981582</v>
      </c>
      <c r="AD136" s="89">
        <v>7.9512808198217391E-2</v>
      </c>
      <c r="AE136" s="169">
        <v>0.3182694370276094</v>
      </c>
      <c r="AF136" s="89">
        <v>9.8296160754256345E-2</v>
      </c>
      <c r="AG136" s="88">
        <v>0.20043856288624703</v>
      </c>
      <c r="AH136" s="89">
        <v>8.592829446925021E-2</v>
      </c>
    </row>
    <row r="137" spans="1:34">
      <c r="A137" s="44" t="s">
        <v>543</v>
      </c>
      <c r="B137" s="168">
        <v>67</v>
      </c>
      <c r="C137" s="164">
        <v>3.038759082493113</v>
      </c>
      <c r="D137" s="82">
        <v>0.44059915392629007</v>
      </c>
      <c r="E137" s="172">
        <v>0.55413055609292383</v>
      </c>
      <c r="F137" s="92">
        <v>0.11805721621268921</v>
      </c>
      <c r="G137" s="171">
        <v>0.14619899605688874</v>
      </c>
      <c r="H137" s="92">
        <v>8.8343691615496989E-2</v>
      </c>
      <c r="I137" s="171">
        <v>0.20569253817539676</v>
      </c>
      <c r="J137" s="92">
        <v>9.8686542290359627E-2</v>
      </c>
      <c r="K137" s="91">
        <v>9.397790967479093E-2</v>
      </c>
      <c r="L137" s="92">
        <v>7.6249372839953533E-2</v>
      </c>
      <c r="M137" s="168">
        <v>77</v>
      </c>
      <c r="N137" s="164">
        <v>4.0416247099684046</v>
      </c>
      <c r="O137" s="82">
        <v>0.48918482918161849</v>
      </c>
      <c r="P137" s="172">
        <v>0.40953818304302403</v>
      </c>
      <c r="Q137" s="92">
        <v>0.10945542742223668</v>
      </c>
      <c r="R137" s="171">
        <v>0.13022107391586502</v>
      </c>
      <c r="S137" s="92">
        <v>7.9017087724967905E-2</v>
      </c>
      <c r="T137" s="171">
        <v>0.36209805033562786</v>
      </c>
      <c r="U137" s="92">
        <v>0.1072242126718653</v>
      </c>
      <c r="V137" s="91">
        <v>9.8142692705482967E-2</v>
      </c>
      <c r="W137" s="92">
        <v>7.1687403827953272E-2</v>
      </c>
      <c r="X137" s="168">
        <v>68</v>
      </c>
      <c r="Y137" s="164">
        <v>3.7257258083127049</v>
      </c>
      <c r="Z137" s="82">
        <v>0.43599146539686867</v>
      </c>
      <c r="AA137" s="172">
        <v>0.40065731102940533</v>
      </c>
      <c r="AB137" s="92">
        <v>0.11575767854789631</v>
      </c>
      <c r="AC137" s="171">
        <v>0.14929967911488601</v>
      </c>
      <c r="AD137" s="92">
        <v>8.8284678098845271E-2</v>
      </c>
      <c r="AE137" s="171">
        <v>0.29379263004253819</v>
      </c>
      <c r="AF137" s="92">
        <v>0.10854386984742218</v>
      </c>
      <c r="AG137" s="91">
        <v>0.15625037981317053</v>
      </c>
      <c r="AH137" s="92">
        <v>8.962911443989105E-2</v>
      </c>
    </row>
    <row r="138" spans="1:34">
      <c r="A138" s="52" t="s">
        <v>544</v>
      </c>
      <c r="B138" s="167">
        <v>45</v>
      </c>
      <c r="C138" s="162">
        <v>3.0452258243435701</v>
      </c>
      <c r="D138" s="81">
        <v>0.55700418179452238</v>
      </c>
      <c r="E138" s="170">
        <v>0.59113920769552764</v>
      </c>
      <c r="F138" s="89">
        <v>0.14084132968442908</v>
      </c>
      <c r="G138" s="169">
        <v>0.12655574065424446</v>
      </c>
      <c r="H138" s="89">
        <v>0.10395411661795834</v>
      </c>
      <c r="I138" s="169">
        <v>0.22439294889793704</v>
      </c>
      <c r="J138" s="89">
        <v>0.12320087429029457</v>
      </c>
      <c r="K138" s="88">
        <v>5.7912102752290896E-2</v>
      </c>
      <c r="L138" s="89">
        <v>8.337999538878528E-2</v>
      </c>
      <c r="M138" s="167">
        <v>56</v>
      </c>
      <c r="N138" s="162">
        <v>4.4722670892867233</v>
      </c>
      <c r="O138" s="81">
        <v>0.5613612060793729</v>
      </c>
      <c r="P138" s="170">
        <v>0.27606679656563854</v>
      </c>
      <c r="Q138" s="89">
        <v>0.11727949320077261</v>
      </c>
      <c r="R138" s="169">
        <v>0.1272462457974041</v>
      </c>
      <c r="S138" s="89">
        <v>9.272293925399501E-2</v>
      </c>
      <c r="T138" s="169">
        <v>0.49050521030847277</v>
      </c>
      <c r="U138" s="89">
        <v>0.1290791665180632</v>
      </c>
      <c r="V138" s="88">
        <v>0.10618174732848445</v>
      </c>
      <c r="W138" s="89">
        <v>8.7520254649740989E-2</v>
      </c>
      <c r="X138" s="167">
        <v>44</v>
      </c>
      <c r="Y138" s="162">
        <v>4.1031186492663654</v>
      </c>
      <c r="Z138" s="81">
        <v>0.50606982390443589</v>
      </c>
      <c r="AA138" s="170">
        <v>0.33126732098349565</v>
      </c>
      <c r="AB138" s="89">
        <v>0.13725787445969359</v>
      </c>
      <c r="AC138" s="169">
        <v>0.15520487926469598</v>
      </c>
      <c r="AD138" s="89">
        <v>0.1118424075501077</v>
      </c>
      <c r="AE138" s="169">
        <v>0.38776464394304905</v>
      </c>
      <c r="AF138" s="89">
        <v>0.1412489556806345</v>
      </c>
      <c r="AG138" s="88">
        <v>0.1257631558087596</v>
      </c>
      <c r="AH138" s="89">
        <v>0.1050065058567127</v>
      </c>
    </row>
    <row r="139" spans="1:34">
      <c r="A139" s="44" t="s">
        <v>545</v>
      </c>
      <c r="B139" s="168">
        <v>504</v>
      </c>
      <c r="C139" s="164">
        <v>3.1618695346860473</v>
      </c>
      <c r="D139" s="82">
        <v>0.1635525173136034</v>
      </c>
      <c r="E139" s="172">
        <v>0.53545706336314469</v>
      </c>
      <c r="F139" s="92">
        <v>4.4257880404104562E-2</v>
      </c>
      <c r="G139" s="171">
        <v>0.16584118891438024</v>
      </c>
      <c r="H139" s="92">
        <v>3.3212442449604404E-2</v>
      </c>
      <c r="I139" s="171">
        <v>0.20739598153694583</v>
      </c>
      <c r="J139" s="92">
        <v>3.6123789910053397E-2</v>
      </c>
      <c r="K139" s="91">
        <v>9.1305766185530463E-2</v>
      </c>
      <c r="L139" s="92">
        <v>2.5960156689446907E-2</v>
      </c>
      <c r="M139" s="168">
        <v>634</v>
      </c>
      <c r="N139" s="164">
        <v>4.2069468369966669</v>
      </c>
      <c r="O139" s="82">
        <v>0.16147071896759643</v>
      </c>
      <c r="P139" s="172">
        <v>0.30564569573906897</v>
      </c>
      <c r="Q139" s="92">
        <v>3.6517575939223092E-2</v>
      </c>
      <c r="R139" s="171">
        <v>0.15363800889077289</v>
      </c>
      <c r="S139" s="92">
        <v>2.8716857875941918E-2</v>
      </c>
      <c r="T139" s="171">
        <v>0.38436706832060952</v>
      </c>
      <c r="U139" s="92">
        <v>3.8530707588926912E-2</v>
      </c>
      <c r="V139" s="91">
        <v>0.15634922704955265</v>
      </c>
      <c r="W139" s="92">
        <v>2.8917819989625605E-2</v>
      </c>
      <c r="X139" s="168">
        <v>506</v>
      </c>
      <c r="Y139" s="164">
        <v>3.9499331002809566</v>
      </c>
      <c r="Z139" s="82">
        <v>0.13862998406326876</v>
      </c>
      <c r="AA139" s="172">
        <v>0.31876634277097754</v>
      </c>
      <c r="AB139" s="92">
        <v>4.1318235702193014E-2</v>
      </c>
      <c r="AC139" s="171">
        <v>0.23179973220306826</v>
      </c>
      <c r="AD139" s="92">
        <v>3.7489086196278318E-2</v>
      </c>
      <c r="AE139" s="171">
        <v>0.30116742938728591</v>
      </c>
      <c r="AF139" s="92">
        <v>4.0688517841272392E-2</v>
      </c>
      <c r="AG139" s="91">
        <v>0.14826649563866878</v>
      </c>
      <c r="AH139" s="92">
        <v>3.1711516042593722E-2</v>
      </c>
    </row>
    <row r="140" spans="1:34">
      <c r="A140" s="52" t="s">
        <v>546</v>
      </c>
      <c r="B140" s="167">
        <v>53</v>
      </c>
      <c r="C140" s="162">
        <v>3.1146020637484391</v>
      </c>
      <c r="D140" s="81">
        <v>0.48886165486837863</v>
      </c>
      <c r="E140" s="170">
        <v>0.5949238750384499</v>
      </c>
      <c r="F140" s="89">
        <v>0.1303732084693012</v>
      </c>
      <c r="G140" s="169">
        <v>0.18437926857967896</v>
      </c>
      <c r="H140" s="89">
        <v>0.10723780399124172</v>
      </c>
      <c r="I140" s="169">
        <v>0.21789124304596313</v>
      </c>
      <c r="J140" s="89">
        <v>0.11276200605722905</v>
      </c>
      <c r="K140" s="88">
        <v>2.8056133359081049E-3</v>
      </c>
      <c r="L140" s="89">
        <v>5.0454374271495211E-2</v>
      </c>
      <c r="M140" s="167">
        <v>66</v>
      </c>
      <c r="N140" s="162">
        <v>4.1585039965634705</v>
      </c>
      <c r="O140" s="81">
        <v>0.49161476311671842</v>
      </c>
      <c r="P140" s="170">
        <v>0.32340336454722701</v>
      </c>
      <c r="Q140" s="89">
        <v>0.11270085613994354</v>
      </c>
      <c r="R140" s="169">
        <v>0.16804707111301626</v>
      </c>
      <c r="S140" s="89">
        <v>9.3209716462104117E-2</v>
      </c>
      <c r="T140" s="169">
        <v>0.41372672974006675</v>
      </c>
      <c r="U140" s="89">
        <v>0.11793055009577205</v>
      </c>
      <c r="V140" s="88">
        <v>9.4822834599689917E-2</v>
      </c>
      <c r="W140" s="89">
        <v>7.7111245220916516E-2</v>
      </c>
      <c r="X140" s="167">
        <v>53</v>
      </c>
      <c r="Y140" s="162">
        <v>3.8218696571371966</v>
      </c>
      <c r="Z140" s="81">
        <v>0.39723572031489041</v>
      </c>
      <c r="AA140" s="170">
        <v>0.29821929980500583</v>
      </c>
      <c r="AB140" s="89">
        <v>0.1227745019806161</v>
      </c>
      <c r="AC140" s="169">
        <v>0.28654613285089886</v>
      </c>
      <c r="AD140" s="89">
        <v>0.12157094930620917</v>
      </c>
      <c r="AE140" s="169">
        <v>0.29676778586290448</v>
      </c>
      <c r="AF140" s="89">
        <v>0.12262915828102113</v>
      </c>
      <c r="AG140" s="88">
        <v>0.11846678148119097</v>
      </c>
      <c r="AH140" s="89">
        <v>9.3338125951046541E-2</v>
      </c>
    </row>
    <row r="141" spans="1:34">
      <c r="A141" s="44" t="s">
        <v>547</v>
      </c>
      <c r="B141" s="168">
        <v>83</v>
      </c>
      <c r="C141" s="164">
        <v>2.8880713359042693</v>
      </c>
      <c r="D141" s="82">
        <v>0.35412475587426068</v>
      </c>
      <c r="E141" s="172">
        <v>0.61388013457466362</v>
      </c>
      <c r="F141" s="92">
        <v>0.10464969993446958</v>
      </c>
      <c r="G141" s="171">
        <v>0.18704555910749382</v>
      </c>
      <c r="H141" s="92">
        <v>8.5998798252092917E-2</v>
      </c>
      <c r="I141" s="171">
        <v>0.10579343956092481</v>
      </c>
      <c r="J141" s="92">
        <v>7.0649609204216618E-2</v>
      </c>
      <c r="K141" s="91">
        <v>9.3280866756917338E-2</v>
      </c>
      <c r="L141" s="92">
        <v>6.761654660846661E-2</v>
      </c>
      <c r="M141" s="168">
        <v>147</v>
      </c>
      <c r="N141" s="164">
        <v>4.3927826395096501</v>
      </c>
      <c r="O141" s="82">
        <v>0.31803016931965489</v>
      </c>
      <c r="P141" s="172">
        <v>0.28294460621721584</v>
      </c>
      <c r="Q141" s="92">
        <v>7.3754551055762993E-2</v>
      </c>
      <c r="R141" s="171">
        <v>0.18217029060441445</v>
      </c>
      <c r="S141" s="92">
        <v>6.3925705460572579E-2</v>
      </c>
      <c r="T141" s="171">
        <v>0.38401354265689247</v>
      </c>
      <c r="U141" s="92">
        <v>7.9276602819906769E-2</v>
      </c>
      <c r="V141" s="91">
        <v>0.15087156052147938</v>
      </c>
      <c r="W141" s="92">
        <v>5.9686062331671071E-2</v>
      </c>
      <c r="X141" s="168">
        <v>83</v>
      </c>
      <c r="Y141" s="164">
        <v>3.8503818233862432</v>
      </c>
      <c r="Z141" s="82">
        <v>0.39378536705534811</v>
      </c>
      <c r="AA141" s="172">
        <v>0.36226352836608056</v>
      </c>
      <c r="AB141" s="92">
        <v>0.10344259372620099</v>
      </c>
      <c r="AC141" s="171">
        <v>0.16185751380670602</v>
      </c>
      <c r="AD141" s="92">
        <v>8.1911645972633715E-2</v>
      </c>
      <c r="AE141" s="171">
        <v>0.27694669740302674</v>
      </c>
      <c r="AF141" s="92">
        <v>9.7016889254755531E-2</v>
      </c>
      <c r="AG141" s="91">
        <v>0.19893226042418619</v>
      </c>
      <c r="AH141" s="92">
        <v>8.7756582488522181E-2</v>
      </c>
    </row>
    <row r="142" spans="1:34">
      <c r="A142" s="52" t="s">
        <v>548</v>
      </c>
      <c r="B142" s="167">
        <v>148</v>
      </c>
      <c r="C142" s="162">
        <v>3.1663919383157162</v>
      </c>
      <c r="D142" s="81">
        <v>0.320491020656203</v>
      </c>
      <c r="E142" s="170">
        <v>0.53592263037792864</v>
      </c>
      <c r="F142" s="89">
        <v>8.091200363498377E-2</v>
      </c>
      <c r="G142" s="169">
        <v>0.12027941533174494</v>
      </c>
      <c r="H142" s="89">
        <v>5.4604138093059341E-2</v>
      </c>
      <c r="I142" s="169">
        <v>0.22443608467348841</v>
      </c>
      <c r="J142" s="89">
        <v>6.8442935400658059E-2</v>
      </c>
      <c r="K142" s="88">
        <v>0.1193618696168381</v>
      </c>
      <c r="L142" s="89">
        <v>5.4444521305193894E-2</v>
      </c>
      <c r="M142" s="167">
        <v>162</v>
      </c>
      <c r="N142" s="162">
        <v>4.242469057310533</v>
      </c>
      <c r="O142" s="81">
        <v>0.3538032374981856</v>
      </c>
      <c r="P142" s="170">
        <v>0.29832402466936003</v>
      </c>
      <c r="Q142" s="89">
        <v>7.1349021460356446E-2</v>
      </c>
      <c r="R142" s="169">
        <v>9.0059959188454802E-2</v>
      </c>
      <c r="S142" s="89">
        <v>4.6556203145202826E-2</v>
      </c>
      <c r="T142" s="169">
        <v>0.40787543747419902</v>
      </c>
      <c r="U142" s="89">
        <v>7.6350041395876589E-2</v>
      </c>
      <c r="V142" s="88">
        <v>0.2037405786679862</v>
      </c>
      <c r="W142" s="89">
        <v>6.3323467826821356E-2</v>
      </c>
      <c r="X142" s="167">
        <v>149</v>
      </c>
      <c r="Y142" s="162">
        <v>4.2633539165208862</v>
      </c>
      <c r="Z142" s="81">
        <v>0.26384151817792195</v>
      </c>
      <c r="AA142" s="170">
        <v>0.25870622605845506</v>
      </c>
      <c r="AB142" s="89">
        <v>7.1360603729298255E-2</v>
      </c>
      <c r="AC142" s="169">
        <v>0.19797963247007822</v>
      </c>
      <c r="AD142" s="89">
        <v>6.537790222889113E-2</v>
      </c>
      <c r="AE142" s="169">
        <v>0.38298724214965063</v>
      </c>
      <c r="AF142" s="89">
        <v>7.8717593497133462E-2</v>
      </c>
      <c r="AG142" s="88">
        <v>0.16032689932181593</v>
      </c>
      <c r="AH142" s="89">
        <v>6.0623374153855984E-2</v>
      </c>
    </row>
    <row r="143" spans="1:34">
      <c r="A143" s="44" t="s">
        <v>549</v>
      </c>
      <c r="B143" s="168">
        <v>47</v>
      </c>
      <c r="C143" s="164">
        <v>3.4308061582302694</v>
      </c>
      <c r="D143" s="82">
        <v>0.55317290227081772</v>
      </c>
      <c r="E143" s="172">
        <v>0.54310410096733275</v>
      </c>
      <c r="F143" s="92">
        <v>0.13958539518862875</v>
      </c>
      <c r="G143" s="171">
        <v>0.16462877641034615</v>
      </c>
      <c r="H143" s="92">
        <v>0.11007206898892422</v>
      </c>
      <c r="I143" s="171">
        <v>0.29226712262232107</v>
      </c>
      <c r="J143" s="92">
        <v>0.12935759437458438</v>
      </c>
      <c r="K143" s="91">
        <v>0</v>
      </c>
      <c r="L143" s="92">
        <v>5.4361041575189964E-2</v>
      </c>
      <c r="M143" s="168">
        <v>72</v>
      </c>
      <c r="N143" s="164">
        <v>4.4431344007934328</v>
      </c>
      <c r="O143" s="82">
        <v>0.46855807931055349</v>
      </c>
      <c r="P143" s="172">
        <v>0.26653201227855816</v>
      </c>
      <c r="Q143" s="92">
        <v>0.10287430235542988</v>
      </c>
      <c r="R143" s="171">
        <v>0.16220340977308859</v>
      </c>
      <c r="S143" s="92">
        <v>8.8135240994321823E-2</v>
      </c>
      <c r="T143" s="171">
        <v>0.45802840852297338</v>
      </c>
      <c r="U143" s="92">
        <v>0.1143445713149234</v>
      </c>
      <c r="V143" s="91">
        <v>0.11323616942537928</v>
      </c>
      <c r="W143" s="92">
        <v>7.8050353233966155E-2</v>
      </c>
      <c r="X143" s="168">
        <v>47</v>
      </c>
      <c r="Y143" s="164">
        <v>4.0834787700240529</v>
      </c>
      <c r="Z143" s="82">
        <v>0.40394799633100958</v>
      </c>
      <c r="AA143" s="172">
        <v>0.30743288216952236</v>
      </c>
      <c r="AB143" s="92">
        <v>0.13091131395654557</v>
      </c>
      <c r="AC143" s="171">
        <v>0.23328132813960475</v>
      </c>
      <c r="AD143" s="92">
        <v>0.12193941798164751</v>
      </c>
      <c r="AE143" s="171">
        <v>0.30579517513712701</v>
      </c>
      <c r="AF143" s="92">
        <v>0.13075006506839196</v>
      </c>
      <c r="AG143" s="91">
        <v>0.15349061455374574</v>
      </c>
      <c r="AH143" s="92">
        <v>0.1077495133033856</v>
      </c>
    </row>
    <row r="144" spans="1:34">
      <c r="A144" s="52" t="s">
        <v>550</v>
      </c>
      <c r="B144" s="167">
        <v>113</v>
      </c>
      <c r="C144" s="162">
        <v>3.235004348489912</v>
      </c>
      <c r="D144" s="81">
        <v>0.36208127409423924</v>
      </c>
      <c r="E144" s="170">
        <v>0.45882506535913309</v>
      </c>
      <c r="F144" s="89">
        <v>9.2157161611141444E-2</v>
      </c>
      <c r="G144" s="169">
        <v>0.18419944926128648</v>
      </c>
      <c r="H144" s="89">
        <v>7.3256974242632486E-2</v>
      </c>
      <c r="I144" s="169">
        <v>0.21710960807293161</v>
      </c>
      <c r="J144" s="89">
        <v>7.7426870648491963E-2</v>
      </c>
      <c r="K144" s="88">
        <v>0.13986587730664765</v>
      </c>
      <c r="L144" s="89">
        <v>6.6414900023389664E-2</v>
      </c>
      <c r="M144" s="167">
        <v>119</v>
      </c>
      <c r="N144" s="162">
        <v>3.9787191159855859</v>
      </c>
      <c r="O144" s="81">
        <v>0.36737014677606561</v>
      </c>
      <c r="P144" s="170">
        <v>0.3409717087759771</v>
      </c>
      <c r="Q144" s="89">
        <v>8.5791984102383256E-2</v>
      </c>
      <c r="R144" s="169">
        <v>0.15378003931610126</v>
      </c>
      <c r="S144" s="89">
        <v>6.694282944437982E-2</v>
      </c>
      <c r="T144" s="169">
        <v>0.33295725947779986</v>
      </c>
      <c r="U144" s="89">
        <v>8.5327120026926689E-2</v>
      </c>
      <c r="V144" s="88">
        <v>0.17229099243012058</v>
      </c>
      <c r="W144" s="89">
        <v>6.9721432599571018E-2</v>
      </c>
      <c r="X144" s="167">
        <v>113</v>
      </c>
      <c r="Y144" s="162">
        <v>3.7804309211541907</v>
      </c>
      <c r="Z144" s="81">
        <v>0.28181233307236264</v>
      </c>
      <c r="AA144" s="170">
        <v>0.3510598483593716</v>
      </c>
      <c r="AB144" s="89">
        <v>8.8541400027410108E-2</v>
      </c>
      <c r="AC144" s="169">
        <v>0.24356950734251728</v>
      </c>
      <c r="AD144" s="89">
        <v>8.0311939338639241E-2</v>
      </c>
      <c r="AE144" s="169">
        <v>0.24620886645044851</v>
      </c>
      <c r="AF144" s="89">
        <v>8.0578861986744882E-2</v>
      </c>
      <c r="AG144" s="88">
        <v>0.1591617778476612</v>
      </c>
      <c r="AH144" s="89">
        <v>6.958652457938562E-2</v>
      </c>
    </row>
    <row r="145" spans="1:34">
      <c r="A145" s="44" t="s">
        <v>551</v>
      </c>
      <c r="B145" s="168">
        <v>60</v>
      </c>
      <c r="C145" s="164">
        <v>3.1971052381280938</v>
      </c>
      <c r="D145" s="82">
        <v>0.44481680933497819</v>
      </c>
      <c r="E145" s="172">
        <v>0.55781215588929856</v>
      </c>
      <c r="F145" s="92">
        <v>0.12426344988987398</v>
      </c>
      <c r="G145" s="171">
        <v>0.19604906168058098</v>
      </c>
      <c r="H145" s="92">
        <v>0.10271356264510255</v>
      </c>
      <c r="I145" s="171">
        <v>0.21498087723031342</v>
      </c>
      <c r="J145" s="92">
        <v>0.10565310556927805</v>
      </c>
      <c r="K145" s="91">
        <v>3.1157905199806653E-2</v>
      </c>
      <c r="L145" s="92">
        <v>5.9584530131737125E-2</v>
      </c>
      <c r="M145" s="168">
        <v>68</v>
      </c>
      <c r="N145" s="164">
        <v>4.2082226436002026</v>
      </c>
      <c r="O145" s="82">
        <v>0.4575352058262358</v>
      </c>
      <c r="P145" s="172">
        <v>0.2945289299000875</v>
      </c>
      <c r="Q145" s="92">
        <v>0.10861304012426642</v>
      </c>
      <c r="R145" s="171">
        <v>0.24574572256931315</v>
      </c>
      <c r="S145" s="92">
        <v>0.10337043534106403</v>
      </c>
      <c r="T145" s="171">
        <v>0.36983946524155648</v>
      </c>
      <c r="U145" s="92">
        <v>0.11423376716820297</v>
      </c>
      <c r="V145" s="91">
        <v>8.9885882289042401E-2</v>
      </c>
      <c r="W145" s="92">
        <v>7.4526457290627166E-2</v>
      </c>
      <c r="X145" s="168">
        <v>61</v>
      </c>
      <c r="Y145" s="164">
        <v>3.7289052576664004</v>
      </c>
      <c r="Z145" s="82">
        <v>0.36765886070894904</v>
      </c>
      <c r="AA145" s="172">
        <v>0.3575286918733615</v>
      </c>
      <c r="AB145" s="92">
        <v>0.11951782161644962</v>
      </c>
      <c r="AC145" s="171">
        <v>0.33447504285793939</v>
      </c>
      <c r="AD145" s="92">
        <v>0.11789691856642874</v>
      </c>
      <c r="AE145" s="171">
        <v>0.25583050935568985</v>
      </c>
      <c r="AF145" s="92">
        <v>0.11024257890938723</v>
      </c>
      <c r="AG145" s="91">
        <v>5.2165755913008732E-2</v>
      </c>
      <c r="AH145" s="92">
        <v>6.7193747312061278E-2</v>
      </c>
    </row>
    <row r="147" spans="1:34">
      <c r="I147" s="238"/>
      <c r="J147" s="238"/>
      <c r="K147" s="238"/>
      <c r="L147" s="238"/>
      <c r="M147" s="238"/>
      <c r="N147" s="238"/>
      <c r="O147" s="238"/>
      <c r="P147" s="238"/>
      <c r="Q147" s="238"/>
      <c r="R147" s="238"/>
      <c r="S147" s="238"/>
      <c r="T147" s="238"/>
      <c r="U147" s="238"/>
      <c r="V147" s="238"/>
      <c r="W147" s="238"/>
    </row>
  </sheetData>
  <mergeCells count="19">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 ref="A3:D3"/>
    <mergeCell ref="A4:D4"/>
    <mergeCell ref="A5:D5"/>
    <mergeCell ref="A63:L63"/>
    <mergeCell ref="B34:J34"/>
    <mergeCell ref="K34:S34"/>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35:37Z</dcterms:modified>
</cp:coreProperties>
</file>